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801"/>
  <workbookPr updateLinks="never" hidePivotFieldList="1" defaultThemeVersion="124226"/>
  <mc:AlternateContent xmlns:mc="http://schemas.openxmlformats.org/markup-compatibility/2006">
    <mc:Choice Requires="x15">
      <x15ac:absPath xmlns:x15ac="http://schemas.microsoft.com/office/spreadsheetml/2010/11/ac" url="C:\Users\s603019631\Desktop\2305_通常更新\【人事部】202305\リネーム済み_リンクデータ\第2ターム\"/>
    </mc:Choice>
  </mc:AlternateContent>
  <xr:revisionPtr revIDLastSave="0" documentId="13_ncr:1_{6600571A-42CD-4513-A1EB-CAE6A9CE3EEA}" xr6:coauthVersionLast="46" xr6:coauthVersionMax="46" xr10:uidLastSave="{00000000-0000-0000-0000-000000000000}"/>
  <bookViews>
    <workbookView xWindow="2340" yWindow="-13620" windowWidth="24240" windowHeight="13140" tabRatio="575" xr2:uid="{00000000-000D-0000-FFFF-FFFF00000000}"/>
  </bookViews>
  <sheets>
    <sheet name="専門職 第2ターム" sheetId="6"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s>
  <definedNames>
    <definedName name="_xlnm._FilterDatabase" localSheetId="0" hidden="1">'専門職 第2ターム'!$A$2:$Y$31</definedName>
    <definedName name="_xlnm.Print_Area" localSheetId="0">'専門職 第2ターム'!$A$1:$Y$3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24" i="6" l="1"/>
  <c r="I24" i="6"/>
  <c r="L23" i="6"/>
  <c r="I23" i="6"/>
  <c r="L29" i="6" l="1"/>
  <c r="I29" i="6"/>
  <c r="L28" i="6"/>
  <c r="I28" i="6"/>
  <c r="L27" i="6" l="1"/>
  <c r="I27" i="6"/>
  <c r="L22" i="6" l="1"/>
  <c r="I22" i="6"/>
  <c r="L21" i="6"/>
  <c r="L20" i="6"/>
  <c r="I20" i="6"/>
  <c r="L19" i="6" l="1"/>
  <c r="I19" i="6"/>
  <c r="L9" i="6"/>
  <c r="I9" i="6"/>
  <c r="L8" i="6"/>
  <c r="I8" i="6"/>
  <c r="L7" i="6"/>
  <c r="I7" i="6"/>
  <c r="L6" i="6"/>
  <c r="I6" i="6"/>
  <c r="L5" i="6"/>
  <c r="I5" i="6"/>
  <c r="L4" i="6"/>
  <c r="I4" i="6"/>
  <c r="L3" i="6"/>
  <c r="I3" i="6"/>
</calcChain>
</file>

<file path=xl/sharedStrings.xml><?xml version="1.0" encoding="utf-8"?>
<sst xmlns="http://schemas.openxmlformats.org/spreadsheetml/2006/main" count="452" uniqueCount="196">
  <si>
    <t>ポスト№</t>
  </si>
  <si>
    <t>行政分野</t>
    <rPh sb="0" eb="2">
      <t>ギョウセイ</t>
    </rPh>
    <rPh sb="2" eb="4">
      <t>ブンヤ</t>
    </rPh>
    <phoneticPr fontId="3"/>
  </si>
  <si>
    <t>局名</t>
    <rPh sb="0" eb="1">
      <t>キョク</t>
    </rPh>
    <rPh sb="1" eb="2">
      <t>メイ</t>
    </rPh>
    <phoneticPr fontId="3"/>
  </si>
  <si>
    <t>実習部署名</t>
    <rPh sb="0" eb="2">
      <t>ジッシュウ</t>
    </rPh>
    <rPh sb="2" eb="4">
      <t>ブショ</t>
    </rPh>
    <rPh sb="4" eb="5">
      <t>メイ</t>
    </rPh>
    <phoneticPr fontId="3"/>
  </si>
  <si>
    <t>文理</t>
    <rPh sb="0" eb="2">
      <t>ブンリ</t>
    </rPh>
    <phoneticPr fontId="3"/>
  </si>
  <si>
    <t>職種</t>
    <rPh sb="0" eb="2">
      <t>ショクシュ</t>
    </rPh>
    <phoneticPr fontId="3"/>
  </si>
  <si>
    <t>人数</t>
    <rPh sb="0" eb="2">
      <t>ニンズウ</t>
    </rPh>
    <phoneticPr fontId="3"/>
  </si>
  <si>
    <t>開始日</t>
    <rPh sb="0" eb="2">
      <t>カイシ</t>
    </rPh>
    <rPh sb="2" eb="3">
      <t>ヒ</t>
    </rPh>
    <phoneticPr fontId="3"/>
  </si>
  <si>
    <t>終了日</t>
    <rPh sb="0" eb="2">
      <t>シュウリョウ</t>
    </rPh>
    <rPh sb="2" eb="3">
      <t>ヒ</t>
    </rPh>
    <phoneticPr fontId="3"/>
  </si>
  <si>
    <t>日数</t>
    <rPh sb="0" eb="2">
      <t>ニッスウ</t>
    </rPh>
    <phoneticPr fontId="3"/>
  </si>
  <si>
    <t>実習日備考欄</t>
    <rPh sb="0" eb="2">
      <t>ジッシュウ</t>
    </rPh>
    <rPh sb="2" eb="3">
      <t>ヒ</t>
    </rPh>
    <rPh sb="3" eb="5">
      <t>ビコウ</t>
    </rPh>
    <rPh sb="5" eb="6">
      <t>ラン</t>
    </rPh>
    <phoneticPr fontId="3"/>
  </si>
  <si>
    <t>実習時間備考欄</t>
    <rPh sb="0" eb="2">
      <t>ジッシュウ</t>
    </rPh>
    <rPh sb="2" eb="4">
      <t>ジカン</t>
    </rPh>
    <rPh sb="4" eb="6">
      <t>ビコウ</t>
    </rPh>
    <rPh sb="6" eb="7">
      <t>ラン</t>
    </rPh>
    <phoneticPr fontId="3"/>
  </si>
  <si>
    <t>実習場所</t>
    <rPh sb="0" eb="2">
      <t>ジッシュウ</t>
    </rPh>
    <rPh sb="2" eb="4">
      <t>バショ</t>
    </rPh>
    <phoneticPr fontId="3"/>
  </si>
  <si>
    <t>専攻分野</t>
    <rPh sb="0" eb="2">
      <t>センコウ</t>
    </rPh>
    <rPh sb="2" eb="4">
      <t>ブンヤ</t>
    </rPh>
    <phoneticPr fontId="3"/>
  </si>
  <si>
    <t>その他受入条件等</t>
    <rPh sb="2" eb="3">
      <t>タ</t>
    </rPh>
    <rPh sb="3" eb="5">
      <t>ウケイレ</t>
    </rPh>
    <rPh sb="5" eb="7">
      <t>ジョウケン</t>
    </rPh>
    <rPh sb="7" eb="8">
      <t>トウ</t>
    </rPh>
    <phoneticPr fontId="3"/>
  </si>
  <si>
    <t>不問</t>
    <rPh sb="0" eb="2">
      <t>フモン</t>
    </rPh>
    <phoneticPr fontId="3"/>
  </si>
  <si>
    <t>～</t>
  </si>
  <si>
    <t>○</t>
  </si>
  <si>
    <t>実習内容</t>
    <rPh sb="0" eb="2">
      <t>ジッシュウ</t>
    </rPh>
    <rPh sb="2" eb="4">
      <t>ナイヨウ</t>
    </rPh>
    <phoneticPr fontId="3"/>
  </si>
  <si>
    <t>都市づくり</t>
    <rPh sb="0" eb="2">
      <t>トシ</t>
    </rPh>
    <phoneticPr fontId="3"/>
  </si>
  <si>
    <t>文系</t>
    <rPh sb="0" eb="2">
      <t>ブンケイ</t>
    </rPh>
    <phoneticPr fontId="3"/>
  </si>
  <si>
    <t>理系</t>
    <rPh sb="0" eb="2">
      <t>リケイ</t>
    </rPh>
    <phoneticPr fontId="3"/>
  </si>
  <si>
    <t>不問</t>
  </si>
  <si>
    <t>～</t>
    <phoneticPr fontId="3"/>
  </si>
  <si>
    <t>造園</t>
    <rPh sb="0" eb="2">
      <t>ゾウエン</t>
    </rPh>
    <phoneticPr fontId="3"/>
  </si>
  <si>
    <t>教育・文化</t>
    <rPh sb="0" eb="2">
      <t>キョウイク</t>
    </rPh>
    <rPh sb="3" eb="5">
      <t>ブンカ</t>
    </rPh>
    <phoneticPr fontId="3"/>
  </si>
  <si>
    <t>産業・労働・経済</t>
    <rPh sb="0" eb="2">
      <t>サンギョウ</t>
    </rPh>
    <rPh sb="3" eb="5">
      <t>ロウドウ</t>
    </rPh>
    <rPh sb="6" eb="8">
      <t>ケイザイ</t>
    </rPh>
    <phoneticPr fontId="3"/>
  </si>
  <si>
    <t>水産</t>
    <rPh sb="0" eb="2">
      <t>スイサン</t>
    </rPh>
    <phoneticPr fontId="3"/>
  </si>
  <si>
    <t>環境</t>
    <rPh sb="0" eb="2">
      <t>カンキョウ</t>
    </rPh>
    <phoneticPr fontId="3"/>
  </si>
  <si>
    <t>(月)</t>
  </si>
  <si>
    <t>環境検査</t>
    <rPh sb="0" eb="2">
      <t>カンキョウ</t>
    </rPh>
    <rPh sb="2" eb="4">
      <t>ケンサ</t>
    </rPh>
    <phoneticPr fontId="3"/>
  </si>
  <si>
    <t xml:space="preserve">１　事業場排水に関する水質規制現場調査補助(実地調査)
２ 下水処理等に関する調査業務補助(実地調査)
　　現場調査補助、水質分析、データ解析等
</t>
  </si>
  <si>
    <t>教育庁</t>
  </si>
  <si>
    <t>Ｗｏｒｄ
使用</t>
    <rPh sb="5" eb="7">
      <t>シヨウ</t>
    </rPh>
    <phoneticPr fontId="3"/>
  </si>
  <si>
    <t>Ｅｘｃｅｌ
使用</t>
    <rPh sb="6" eb="8">
      <t>シヨウ</t>
    </rPh>
    <phoneticPr fontId="3"/>
  </si>
  <si>
    <t>東部公園緑地事務所
東京都台東区上野公園7-47
ＪＲ上野駅公園口より徒歩3分
東京メトロ日比谷線・銀座線上野駅より徒歩7分</t>
    <rPh sb="0" eb="2">
      <t>トウブ</t>
    </rPh>
    <rPh sb="2" eb="4">
      <t>コウエン</t>
    </rPh>
    <rPh sb="4" eb="6">
      <t>リョクチ</t>
    </rPh>
    <rPh sb="6" eb="8">
      <t>ジム</t>
    </rPh>
    <rPh sb="8" eb="9">
      <t>ショ</t>
    </rPh>
    <rPh sb="10" eb="13">
      <t>トウキョウト</t>
    </rPh>
    <phoneticPr fontId="4"/>
  </si>
  <si>
    <t>造園学、緑地学、園芸学、環境保全学、生態学、景観学、都市デザイン等</t>
    <rPh sb="22" eb="24">
      <t>ケイカン</t>
    </rPh>
    <rPh sb="24" eb="25">
      <t>ガク</t>
    </rPh>
    <rPh sb="26" eb="28">
      <t>トシ</t>
    </rPh>
    <rPh sb="32" eb="33">
      <t>ナド</t>
    </rPh>
    <phoneticPr fontId="4"/>
  </si>
  <si>
    <t>農林水産部水産課／
島しょ農林水産総合センター</t>
    <rPh sb="0" eb="2">
      <t>ノウリン</t>
    </rPh>
    <rPh sb="2" eb="4">
      <t>スイサン</t>
    </rPh>
    <rPh sb="4" eb="5">
      <t>ブ</t>
    </rPh>
    <rPh sb="5" eb="8">
      <t>スイサンカ</t>
    </rPh>
    <rPh sb="10" eb="11">
      <t>トウ</t>
    </rPh>
    <rPh sb="13" eb="15">
      <t>ノウリン</t>
    </rPh>
    <rPh sb="15" eb="17">
      <t>スイサン</t>
    </rPh>
    <rPh sb="17" eb="19">
      <t>ソウゴウ</t>
    </rPh>
    <phoneticPr fontId="3"/>
  </si>
  <si>
    <t>PowerPoint
使用</t>
    <rPh sb="11" eb="13">
      <t>シヨウ</t>
    </rPh>
    <phoneticPr fontId="3"/>
  </si>
  <si>
    <t>実習時間（予定）</t>
    <rPh sb="0" eb="2">
      <t>ジッシュウ</t>
    </rPh>
    <rPh sb="2" eb="4">
      <t>ジカン</t>
    </rPh>
    <rPh sb="5" eb="7">
      <t>ヨテイ</t>
    </rPh>
    <phoneticPr fontId="3"/>
  </si>
  <si>
    <t>建設局</t>
  </si>
  <si>
    <t>下水道局</t>
    <rPh sb="0" eb="3">
      <t>ゲスイドウ</t>
    </rPh>
    <rPh sb="3" eb="4">
      <t>キョク</t>
    </rPh>
    <phoneticPr fontId="1"/>
  </si>
  <si>
    <t>不問</t>
    <rPh sb="0" eb="2">
      <t>フモン</t>
    </rPh>
    <phoneticPr fontId="4"/>
  </si>
  <si>
    <t>変則勤務</t>
    <rPh sb="0" eb="2">
      <t>ヘンソク</t>
    </rPh>
    <rPh sb="2" eb="4">
      <t>キンム</t>
    </rPh>
    <phoneticPr fontId="3"/>
  </si>
  <si>
    <t>東京都の農業、農産物、都内産食品に関心がある者</t>
    <rPh sb="0" eb="2">
      <t>トウキョウ</t>
    </rPh>
    <rPh sb="2" eb="3">
      <t>ト</t>
    </rPh>
    <rPh sb="4" eb="6">
      <t>ノウギョウ</t>
    </rPh>
    <rPh sb="7" eb="10">
      <t>ノウサンブツ</t>
    </rPh>
    <rPh sb="11" eb="13">
      <t>トナイ</t>
    </rPh>
    <rPh sb="13" eb="14">
      <t>サン</t>
    </rPh>
    <rPh sb="14" eb="16">
      <t>ショクヒン</t>
    </rPh>
    <rPh sb="17" eb="19">
      <t>カンシン</t>
    </rPh>
    <rPh sb="22" eb="23">
      <t>シャ</t>
    </rPh>
    <phoneticPr fontId="3"/>
  </si>
  <si>
    <t>林業職を志望する者</t>
    <rPh sb="0" eb="2">
      <t>リンギョウ</t>
    </rPh>
    <rPh sb="2" eb="3">
      <t>ショク</t>
    </rPh>
    <rPh sb="4" eb="6">
      <t>シボウ</t>
    </rPh>
    <rPh sb="8" eb="9">
      <t>モノ</t>
    </rPh>
    <phoneticPr fontId="3"/>
  </si>
  <si>
    <t>本庁舎・島しょ農林水産総合センター</t>
    <rPh sb="0" eb="3">
      <t>ホンチョウシャ</t>
    </rPh>
    <phoneticPr fontId="3"/>
  </si>
  <si>
    <t>水産業の統計資料作成補助
水産資源に関する調査、試験、研究等の業務補助</t>
    <rPh sb="0" eb="2">
      <t>スイサン</t>
    </rPh>
    <rPh sb="2" eb="3">
      <t>ギョウ</t>
    </rPh>
    <rPh sb="4" eb="6">
      <t>トウケイ</t>
    </rPh>
    <rPh sb="6" eb="8">
      <t>シリョウ</t>
    </rPh>
    <rPh sb="8" eb="10">
      <t>サクセイ</t>
    </rPh>
    <rPh sb="10" eb="12">
      <t>ホジョ</t>
    </rPh>
    <rPh sb="13" eb="15">
      <t>スイサン</t>
    </rPh>
    <rPh sb="15" eb="17">
      <t>シゲン</t>
    </rPh>
    <rPh sb="18" eb="19">
      <t>カン</t>
    </rPh>
    <rPh sb="21" eb="23">
      <t>チョウサ</t>
    </rPh>
    <rPh sb="24" eb="26">
      <t>シケン</t>
    </rPh>
    <rPh sb="27" eb="29">
      <t>ケンキュウ</t>
    </rPh>
    <rPh sb="29" eb="30">
      <t>トウ</t>
    </rPh>
    <rPh sb="31" eb="33">
      <t>ギョウム</t>
    </rPh>
    <rPh sb="33" eb="35">
      <t>ホジョ</t>
    </rPh>
    <phoneticPr fontId="3"/>
  </si>
  <si>
    <t>・化学、生物、衛生工学、環境化学、分析化学等に関する分野</t>
  </si>
  <si>
    <t>東部公園緑地事務所
管理課/事業推進課/工事課</t>
    <rPh sb="10" eb="13">
      <t>カンリカ</t>
    </rPh>
    <phoneticPr fontId="3"/>
  </si>
  <si>
    <t>都立公園における事業認可事務、工事事務及び維持管理事務等の補助作業</t>
    <rPh sb="0" eb="2">
      <t>トリツ</t>
    </rPh>
    <rPh sb="2" eb="4">
      <t>コウエン</t>
    </rPh>
    <rPh sb="8" eb="10">
      <t>ジギョウ</t>
    </rPh>
    <rPh sb="10" eb="12">
      <t>ニンカ</t>
    </rPh>
    <rPh sb="12" eb="14">
      <t>ジム</t>
    </rPh>
    <rPh sb="15" eb="17">
      <t>コウジ</t>
    </rPh>
    <rPh sb="17" eb="19">
      <t>ジム</t>
    </rPh>
    <rPh sb="19" eb="20">
      <t>オヨ</t>
    </rPh>
    <rPh sb="21" eb="23">
      <t>イジ</t>
    </rPh>
    <rPh sb="23" eb="25">
      <t>カンリ</t>
    </rPh>
    <rPh sb="25" eb="27">
      <t>ジム</t>
    </rPh>
    <rPh sb="27" eb="28">
      <t>ナド</t>
    </rPh>
    <rPh sb="29" eb="31">
      <t>ホジョ</t>
    </rPh>
    <rPh sb="31" eb="33">
      <t>サギョウ</t>
    </rPh>
    <phoneticPr fontId="5"/>
  </si>
  <si>
    <t>・公園整備に興味のある方。
・Word初級以上、Excel初級以上の方。
・室内事務作業の他、現場作業・調査において、樹林地内等における作業を行うこともあります。</t>
    <rPh sb="1" eb="3">
      <t>コウエン</t>
    </rPh>
    <rPh sb="3" eb="5">
      <t>セイビ</t>
    </rPh>
    <rPh sb="6" eb="8">
      <t>キョウミ</t>
    </rPh>
    <rPh sb="11" eb="12">
      <t>カタ</t>
    </rPh>
    <rPh sb="34" eb="35">
      <t>カタ</t>
    </rPh>
    <phoneticPr fontId="4"/>
  </si>
  <si>
    <t>公園緑地部
計画課
企画担当</t>
    <rPh sb="0" eb="5">
      <t>コウエンリョクチブ</t>
    </rPh>
    <rPh sb="6" eb="9">
      <t>ケイカクカ</t>
    </rPh>
    <rPh sb="10" eb="12">
      <t>キカク</t>
    </rPh>
    <rPh sb="12" eb="14">
      <t>タントウ</t>
    </rPh>
    <phoneticPr fontId="4"/>
  </si>
  <si>
    <t>造園</t>
    <rPh sb="0" eb="2">
      <t>ゾウエン</t>
    </rPh>
    <phoneticPr fontId="4"/>
  </si>
  <si>
    <t>公園緑地事業の企画・計画等に係る事務補助（現地調査、資料作成補助等）</t>
    <rPh sb="0" eb="2">
      <t>コウエン</t>
    </rPh>
    <rPh sb="2" eb="4">
      <t>リョクチ</t>
    </rPh>
    <rPh sb="7" eb="9">
      <t>キカク</t>
    </rPh>
    <rPh sb="10" eb="12">
      <t>ケイカク</t>
    </rPh>
    <rPh sb="12" eb="13">
      <t>トウ</t>
    </rPh>
    <phoneticPr fontId="4"/>
  </si>
  <si>
    <t>東京の公園計画に関心がある方</t>
    <rPh sb="0" eb="2">
      <t>トウキョウ</t>
    </rPh>
    <rPh sb="3" eb="5">
      <t>コウエン</t>
    </rPh>
    <rPh sb="5" eb="7">
      <t>ケイカク</t>
    </rPh>
    <rPh sb="8" eb="10">
      <t>カンシン</t>
    </rPh>
    <rPh sb="13" eb="14">
      <t>カタ</t>
    </rPh>
    <phoneticPr fontId="3"/>
  </si>
  <si>
    <t>〇</t>
  </si>
  <si>
    <t>水道局</t>
    <rPh sb="0" eb="2">
      <t>スイドウ</t>
    </rPh>
    <rPh sb="2" eb="3">
      <t>キョク</t>
    </rPh>
    <phoneticPr fontId="1"/>
  </si>
  <si>
    <t>多摩水道改革推進本部
調整部技術指導課
水質試験室</t>
    <rPh sb="0" eb="2">
      <t>タマ</t>
    </rPh>
    <rPh sb="2" eb="4">
      <t>スイドウ</t>
    </rPh>
    <rPh sb="4" eb="6">
      <t>カイカク</t>
    </rPh>
    <rPh sb="6" eb="8">
      <t>スイシン</t>
    </rPh>
    <rPh sb="8" eb="10">
      <t>ホンブ</t>
    </rPh>
    <rPh sb="11" eb="13">
      <t>チョウセイ</t>
    </rPh>
    <rPh sb="13" eb="14">
      <t>ブ</t>
    </rPh>
    <rPh sb="14" eb="16">
      <t>ギジュツ</t>
    </rPh>
    <rPh sb="16" eb="18">
      <t>シドウ</t>
    </rPh>
    <rPh sb="18" eb="19">
      <t>カ</t>
    </rPh>
    <rPh sb="20" eb="22">
      <t>スイシツ</t>
    </rPh>
    <rPh sb="22" eb="25">
      <t>シケンシツ</t>
    </rPh>
    <phoneticPr fontId="3"/>
  </si>
  <si>
    <t xml:space="preserve">東京都立川市緑町6-7
多摩都市モノレール　
高松駅　徒歩3分
</t>
    <rPh sb="0" eb="2">
      <t>トウキョウ</t>
    </rPh>
    <rPh sb="2" eb="3">
      <t>ト</t>
    </rPh>
    <rPh sb="3" eb="5">
      <t>タチカワ</t>
    </rPh>
    <rPh sb="5" eb="6">
      <t>シ</t>
    </rPh>
    <rPh sb="6" eb="7">
      <t>ミドリ</t>
    </rPh>
    <rPh sb="7" eb="8">
      <t>マチ</t>
    </rPh>
    <rPh sb="12" eb="14">
      <t>タマ</t>
    </rPh>
    <rPh sb="14" eb="16">
      <t>トシ</t>
    </rPh>
    <rPh sb="23" eb="25">
      <t>タカマツ</t>
    </rPh>
    <rPh sb="25" eb="26">
      <t>エキ</t>
    </rPh>
    <rPh sb="27" eb="29">
      <t>トホ</t>
    </rPh>
    <rPh sb="30" eb="31">
      <t>プン</t>
    </rPh>
    <phoneticPr fontId="3"/>
  </si>
  <si>
    <t>・水質管理業務の補助
　多摩地区の水質管理業務において、水質検査補助、各種資料の作成、現地確認等を通じて当局業務の理解を深める。</t>
  </si>
  <si>
    <t>化学系、生物系、環境系</t>
  </si>
  <si>
    <t>施設管理部　
排水設備課/環境管理課　</t>
  </si>
  <si>
    <t>～</t>
    <phoneticPr fontId="4"/>
  </si>
  <si>
    <t>(火)</t>
    <rPh sb="1" eb="2">
      <t>ヒ</t>
    </rPh>
    <phoneticPr fontId="4"/>
  </si>
  <si>
    <t>(水)</t>
    <rPh sb="1" eb="2">
      <t>スイ</t>
    </rPh>
    <phoneticPr fontId="4"/>
  </si>
  <si>
    <t>(木)</t>
    <rPh sb="1" eb="2">
      <t>モク</t>
    </rPh>
    <phoneticPr fontId="4"/>
  </si>
  <si>
    <t>(金)</t>
    <rPh sb="1" eb="2">
      <t>キン</t>
    </rPh>
    <phoneticPr fontId="4"/>
  </si>
  <si>
    <t>―</t>
    <phoneticPr fontId="4"/>
  </si>
  <si>
    <t>本庁舎　他</t>
    <rPh sb="0" eb="1">
      <t>ホン</t>
    </rPh>
    <rPh sb="1" eb="3">
      <t>チョウシャ</t>
    </rPh>
    <rPh sb="4" eb="5">
      <t>ホカ</t>
    </rPh>
    <phoneticPr fontId="4"/>
  </si>
  <si>
    <t>福祉・保健医療</t>
    <rPh sb="0" eb="2">
      <t>フクシ</t>
    </rPh>
    <rPh sb="3" eb="5">
      <t>ホケン</t>
    </rPh>
    <rPh sb="5" eb="7">
      <t>イリョウ</t>
    </rPh>
    <phoneticPr fontId="3"/>
  </si>
  <si>
    <t>福祉保健局</t>
    <rPh sb="0" eb="2">
      <t>フクシ</t>
    </rPh>
    <rPh sb="2" eb="4">
      <t>ホケン</t>
    </rPh>
    <rPh sb="4" eb="5">
      <t>キョク</t>
    </rPh>
    <phoneticPr fontId="1"/>
  </si>
  <si>
    <t>保健政策部
保健政策課
保健指導調整担当</t>
    <rPh sb="0" eb="2">
      <t>ホケン</t>
    </rPh>
    <rPh sb="2" eb="4">
      <t>セイサク</t>
    </rPh>
    <rPh sb="4" eb="5">
      <t>ブ</t>
    </rPh>
    <rPh sb="6" eb="8">
      <t>ホケン</t>
    </rPh>
    <rPh sb="8" eb="10">
      <t>セイサク</t>
    </rPh>
    <rPh sb="10" eb="11">
      <t>カ</t>
    </rPh>
    <rPh sb="12" eb="14">
      <t>ホケン</t>
    </rPh>
    <rPh sb="14" eb="16">
      <t>シドウ</t>
    </rPh>
    <rPh sb="16" eb="18">
      <t>チョウセイ</t>
    </rPh>
    <rPh sb="18" eb="20">
      <t>タントウ</t>
    </rPh>
    <phoneticPr fontId="4"/>
  </si>
  <si>
    <t>保健師</t>
    <rPh sb="0" eb="2">
      <t>ホケン</t>
    </rPh>
    <rPh sb="2" eb="3">
      <t>シ</t>
    </rPh>
    <phoneticPr fontId="4"/>
  </si>
  <si>
    <t>うち4日間</t>
    <rPh sb="3" eb="4">
      <t>ニチ</t>
    </rPh>
    <rPh sb="4" eb="5">
      <t>カン</t>
    </rPh>
    <phoneticPr fontId="4"/>
  </si>
  <si>
    <t>①多摩地域の都保健所（西多摩、多摩府中、多摩小平）3日
+
②都庁1日</t>
    <rPh sb="11" eb="14">
      <t>ニシタマ</t>
    </rPh>
    <rPh sb="15" eb="17">
      <t>タマ</t>
    </rPh>
    <rPh sb="17" eb="19">
      <t>フチュウ</t>
    </rPh>
    <rPh sb="20" eb="22">
      <t>タマ</t>
    </rPh>
    <rPh sb="22" eb="24">
      <t>コダイラ</t>
    </rPh>
    <rPh sb="26" eb="27">
      <t>ニチ</t>
    </rPh>
    <rPh sb="31" eb="32">
      <t>ト</t>
    </rPh>
    <rPh sb="32" eb="33">
      <t>チョウ</t>
    </rPh>
    <rPh sb="34" eb="35">
      <t>ニチ</t>
    </rPh>
    <phoneticPr fontId="4"/>
  </si>
  <si>
    <t>保健師活動全般</t>
    <rPh sb="0" eb="2">
      <t>ホケン</t>
    </rPh>
    <rPh sb="2" eb="3">
      <t>シ</t>
    </rPh>
    <rPh sb="3" eb="5">
      <t>カツドウ</t>
    </rPh>
    <rPh sb="5" eb="7">
      <t>ゼンパン</t>
    </rPh>
    <phoneticPr fontId="4"/>
  </si>
  <si>
    <t>看護学</t>
    <rPh sb="0" eb="2">
      <t>カンゴ</t>
    </rPh>
    <rPh sb="2" eb="3">
      <t>ガク</t>
    </rPh>
    <phoneticPr fontId="4"/>
  </si>
  <si>
    <t>公衆衛生活動に関心がある方
※保健師助産師看護師学校養成所指定規則に基づく臨地実習には該当しません</t>
    <phoneticPr fontId="4"/>
  </si>
  <si>
    <t>児童相談センター
保護第一課
第二担当</t>
    <rPh sb="0" eb="2">
      <t>ジドウ</t>
    </rPh>
    <rPh sb="2" eb="4">
      <t>ソウダン</t>
    </rPh>
    <rPh sb="9" eb="11">
      <t>ホゴ</t>
    </rPh>
    <rPh sb="11" eb="12">
      <t>ダイ</t>
    </rPh>
    <rPh sb="12" eb="14">
      <t>イッカ</t>
    </rPh>
    <rPh sb="15" eb="17">
      <t>ダイニ</t>
    </rPh>
    <rPh sb="17" eb="19">
      <t>タントウ</t>
    </rPh>
    <phoneticPr fontId="4"/>
  </si>
  <si>
    <t>福祉</t>
    <rPh sb="0" eb="2">
      <t>フクシ</t>
    </rPh>
    <phoneticPr fontId="4"/>
  </si>
  <si>
    <t>児童相談センター
一時保護所</t>
    <rPh sb="0" eb="2">
      <t>ジドウ</t>
    </rPh>
    <rPh sb="2" eb="4">
      <t>ソウダン</t>
    </rPh>
    <rPh sb="9" eb="11">
      <t>イチジ</t>
    </rPh>
    <rPh sb="11" eb="13">
      <t>ホゴ</t>
    </rPh>
    <rPh sb="13" eb="14">
      <t>ショ</t>
    </rPh>
    <phoneticPr fontId="4"/>
  </si>
  <si>
    <t>社会福祉
児童福祉
ソーシャルワーク</t>
    <rPh sb="0" eb="2">
      <t>シャカイ</t>
    </rPh>
    <rPh sb="2" eb="4">
      <t>フクシ</t>
    </rPh>
    <rPh sb="5" eb="7">
      <t>ジドウ</t>
    </rPh>
    <rPh sb="7" eb="9">
      <t>フクシ</t>
    </rPh>
    <phoneticPr fontId="4"/>
  </si>
  <si>
    <r>
      <t>・</t>
    </r>
    <r>
      <rPr>
        <b/>
        <sz val="9"/>
        <rFont val="メイリオ"/>
        <family val="3"/>
        <charset val="128"/>
      </rPr>
      <t>男性のみ受入可</t>
    </r>
    <r>
      <rPr>
        <sz val="9"/>
        <rFont val="メイリオ"/>
        <family val="3"/>
        <charset val="128"/>
      </rPr>
      <t xml:space="preserve">
・心身ともに健康な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
    <rPh sb="1" eb="3">
      <t>ダンセイ</t>
    </rPh>
    <rPh sb="5" eb="7">
      <t>ウケイレ</t>
    </rPh>
    <rPh sb="7" eb="8">
      <t>カ</t>
    </rPh>
    <rPh sb="10" eb="12">
      <t>シンシン</t>
    </rPh>
    <rPh sb="15" eb="17">
      <t>ケンコウ</t>
    </rPh>
    <rPh sb="18" eb="19">
      <t>カタ</t>
    </rPh>
    <rPh sb="21" eb="23">
      <t>タイチョウ</t>
    </rPh>
    <rPh sb="23" eb="25">
      <t>フリョウ</t>
    </rPh>
    <rPh sb="26" eb="28">
      <t>バアイ</t>
    </rPh>
    <rPh sb="29" eb="32">
      <t>カンセンショウ</t>
    </rPh>
    <rPh sb="32" eb="34">
      <t>リカン</t>
    </rPh>
    <rPh sb="35" eb="36">
      <t>ウタガ</t>
    </rPh>
    <rPh sb="40" eb="42">
      <t>バアイ</t>
    </rPh>
    <rPh sb="42" eb="43">
      <t>ナド</t>
    </rPh>
    <rPh sb="44" eb="46">
      <t>ウケイレ</t>
    </rPh>
    <rPh sb="54" eb="56">
      <t>コジン</t>
    </rPh>
    <rPh sb="56" eb="58">
      <t>ジョウホウ</t>
    </rPh>
    <rPh sb="58" eb="60">
      <t>ホゴ</t>
    </rPh>
    <rPh sb="60" eb="61">
      <t>ナド</t>
    </rPh>
    <rPh sb="62" eb="64">
      <t>カンテン</t>
    </rPh>
    <rPh sb="66" eb="68">
      <t>ジッシュウ</t>
    </rPh>
    <rPh sb="68" eb="70">
      <t>ケイゾク</t>
    </rPh>
    <rPh sb="71" eb="73">
      <t>シショウ</t>
    </rPh>
    <rPh sb="77" eb="79">
      <t>ジドウ</t>
    </rPh>
    <rPh sb="79" eb="81">
      <t>ソウダン</t>
    </rPh>
    <rPh sb="81" eb="82">
      <t>ショ</t>
    </rPh>
    <rPh sb="83" eb="85">
      <t>ハンダン</t>
    </rPh>
    <rPh sb="87" eb="89">
      <t>バアイ</t>
    </rPh>
    <rPh sb="91" eb="93">
      <t>ジッシュウ</t>
    </rPh>
    <rPh sb="94" eb="96">
      <t>チュウダン</t>
    </rPh>
    <rPh sb="103" eb="105">
      <t>バアイ</t>
    </rPh>
    <rPh sb="113" eb="116">
      <t>ジッシュウチュウ</t>
    </rPh>
    <rPh sb="117" eb="119">
      <t>ケイタイ</t>
    </rPh>
    <rPh sb="119" eb="121">
      <t>デンワ</t>
    </rPh>
    <rPh sb="122" eb="124">
      <t>シヨウ</t>
    </rPh>
    <rPh sb="125" eb="127">
      <t>セイゲン</t>
    </rPh>
    <rPh sb="129" eb="131">
      <t>バアイ</t>
    </rPh>
    <phoneticPr fontId="4"/>
  </si>
  <si>
    <t>児童相談センター
保護第一課
第三担当</t>
    <rPh sb="0" eb="2">
      <t>ジドウ</t>
    </rPh>
    <rPh sb="2" eb="4">
      <t>ソウダン</t>
    </rPh>
    <rPh sb="9" eb="11">
      <t>ホゴ</t>
    </rPh>
    <rPh sb="11" eb="12">
      <t>ダイ</t>
    </rPh>
    <rPh sb="12" eb="14">
      <t>イッカ</t>
    </rPh>
    <rPh sb="15" eb="17">
      <t>ダイサン</t>
    </rPh>
    <rPh sb="17" eb="19">
      <t>タントウ</t>
    </rPh>
    <phoneticPr fontId="4"/>
  </si>
  <si>
    <t>・心身ともに健康な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Ph sb="1" eb="3">
      <t>シンシン</t>
    </rPh>
    <rPh sb="6" eb="8">
      <t>ケンコウ</t>
    </rPh>
    <rPh sb="9" eb="10">
      <t>カタ</t>
    </rPh>
    <rPh sb="12" eb="14">
      <t>タイチョウ</t>
    </rPh>
    <rPh sb="14" eb="16">
      <t>フリョウ</t>
    </rPh>
    <rPh sb="17" eb="19">
      <t>バアイ</t>
    </rPh>
    <rPh sb="20" eb="23">
      <t>カンセンショウ</t>
    </rPh>
    <rPh sb="23" eb="25">
      <t>リカン</t>
    </rPh>
    <rPh sb="26" eb="27">
      <t>ウタガ</t>
    </rPh>
    <rPh sb="31" eb="33">
      <t>バアイ</t>
    </rPh>
    <rPh sb="33" eb="34">
      <t>ナド</t>
    </rPh>
    <rPh sb="35" eb="37">
      <t>ウケイレ</t>
    </rPh>
    <rPh sb="45" eb="47">
      <t>コジン</t>
    </rPh>
    <rPh sb="47" eb="49">
      <t>ジョウホウ</t>
    </rPh>
    <rPh sb="49" eb="51">
      <t>ホゴ</t>
    </rPh>
    <rPh sb="51" eb="52">
      <t>ナド</t>
    </rPh>
    <rPh sb="53" eb="55">
      <t>カンテン</t>
    </rPh>
    <rPh sb="57" eb="59">
      <t>ジッシュウ</t>
    </rPh>
    <rPh sb="59" eb="61">
      <t>ケイゾク</t>
    </rPh>
    <rPh sb="62" eb="64">
      <t>シショウ</t>
    </rPh>
    <rPh sb="68" eb="70">
      <t>ジドウ</t>
    </rPh>
    <rPh sb="70" eb="72">
      <t>ソウダン</t>
    </rPh>
    <rPh sb="72" eb="73">
      <t>ショ</t>
    </rPh>
    <rPh sb="74" eb="76">
      <t>ハンダン</t>
    </rPh>
    <rPh sb="78" eb="80">
      <t>バアイ</t>
    </rPh>
    <rPh sb="82" eb="84">
      <t>ジッシュウ</t>
    </rPh>
    <rPh sb="85" eb="87">
      <t>チュウダン</t>
    </rPh>
    <rPh sb="94" eb="96">
      <t>バアイ</t>
    </rPh>
    <rPh sb="104" eb="107">
      <t>ジッシュウチュウ</t>
    </rPh>
    <rPh sb="108" eb="110">
      <t>ケイタイ</t>
    </rPh>
    <rPh sb="110" eb="112">
      <t>デンワ</t>
    </rPh>
    <rPh sb="113" eb="115">
      <t>シヨウ</t>
    </rPh>
    <rPh sb="116" eb="118">
      <t>セイゲン</t>
    </rPh>
    <rPh sb="120" eb="122">
      <t>バアイ</t>
    </rPh>
    <phoneticPr fontId="4"/>
  </si>
  <si>
    <t>八王子児童相談所
保護課
保護担当</t>
    <rPh sb="0" eb="3">
      <t>ハチオウジ</t>
    </rPh>
    <rPh sb="3" eb="8">
      <t>ジソウ</t>
    </rPh>
    <rPh sb="9" eb="11">
      <t>ホゴ</t>
    </rPh>
    <rPh sb="11" eb="12">
      <t>カ</t>
    </rPh>
    <rPh sb="13" eb="15">
      <t>ホゴ</t>
    </rPh>
    <rPh sb="15" eb="17">
      <t>タントウ</t>
    </rPh>
    <phoneticPr fontId="4"/>
  </si>
  <si>
    <t>八王子児童相談所
一時保護所</t>
    <rPh sb="0" eb="3">
      <t>ハチオウジ</t>
    </rPh>
    <rPh sb="3" eb="8">
      <t>ジソウ</t>
    </rPh>
    <rPh sb="9" eb="11">
      <t>イチジ</t>
    </rPh>
    <rPh sb="11" eb="13">
      <t>ホゴ</t>
    </rPh>
    <rPh sb="13" eb="14">
      <t>ショ</t>
    </rPh>
    <phoneticPr fontId="4"/>
  </si>
  <si>
    <t>一時保護中の子供の生活支援、学習指導・運動等の補助</t>
    <rPh sb="0" eb="2">
      <t>イチジ</t>
    </rPh>
    <rPh sb="2" eb="5">
      <t>ホゴチュウ</t>
    </rPh>
    <rPh sb="6" eb="8">
      <t>コドモ</t>
    </rPh>
    <rPh sb="9" eb="11">
      <t>セイカツ</t>
    </rPh>
    <rPh sb="11" eb="13">
      <t>シエン</t>
    </rPh>
    <rPh sb="14" eb="16">
      <t>ガクシュウ</t>
    </rPh>
    <rPh sb="16" eb="18">
      <t>シドウ</t>
    </rPh>
    <rPh sb="19" eb="21">
      <t>ウンドウ</t>
    </rPh>
    <rPh sb="21" eb="22">
      <t>トウ</t>
    </rPh>
    <rPh sb="23" eb="25">
      <t>ホジョ</t>
    </rPh>
    <phoneticPr fontId="4"/>
  </si>
  <si>
    <t>社会福祉
児童福祉</t>
    <rPh sb="0" eb="2">
      <t>シャカイ</t>
    </rPh>
    <rPh sb="2" eb="4">
      <t>フクシ</t>
    </rPh>
    <rPh sb="5" eb="7">
      <t>ジドウ</t>
    </rPh>
    <rPh sb="7" eb="9">
      <t>フクシ</t>
    </rPh>
    <phoneticPr fontId="4"/>
  </si>
  <si>
    <r>
      <rPr>
        <b/>
        <sz val="9"/>
        <rFont val="メイリオ"/>
        <family val="3"/>
        <charset val="128"/>
      </rPr>
      <t>・2名のうち、男性1名・女性1名</t>
    </r>
    <r>
      <rPr>
        <sz val="9"/>
        <rFont val="メイリオ"/>
        <family val="3"/>
        <charset val="128"/>
      </rPr>
      <t xml:space="preserve">
・心身ともに健康な方
・児童に対して親切・丁寧な対応ができる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
    <rPh sb="18" eb="20">
      <t>シンシン</t>
    </rPh>
    <rPh sb="23" eb="25">
      <t>ケンコウ</t>
    </rPh>
    <rPh sb="26" eb="27">
      <t>カタ</t>
    </rPh>
    <rPh sb="29" eb="31">
      <t>ジドウ</t>
    </rPh>
    <rPh sb="32" eb="33">
      <t>タイ</t>
    </rPh>
    <rPh sb="35" eb="37">
      <t>シンセツ</t>
    </rPh>
    <rPh sb="38" eb="40">
      <t>テイネイ</t>
    </rPh>
    <rPh sb="41" eb="43">
      <t>タイオウ</t>
    </rPh>
    <rPh sb="47" eb="48">
      <t>カタ</t>
    </rPh>
    <phoneticPr fontId="4"/>
  </si>
  <si>
    <t>足立児童相談所
保護課
保護担当</t>
    <rPh sb="0" eb="2">
      <t>アダチ</t>
    </rPh>
    <rPh sb="2" eb="4">
      <t>ジドウ</t>
    </rPh>
    <rPh sb="4" eb="6">
      <t>ソウダン</t>
    </rPh>
    <rPh sb="6" eb="7">
      <t>ジョ</t>
    </rPh>
    <rPh sb="8" eb="11">
      <t>ホゴカ</t>
    </rPh>
    <rPh sb="12" eb="14">
      <t>ホゴ</t>
    </rPh>
    <rPh sb="14" eb="16">
      <t>タントウ</t>
    </rPh>
    <phoneticPr fontId="4"/>
  </si>
  <si>
    <t>足立児童相談所
一時保護所</t>
    <rPh sb="0" eb="2">
      <t>アダチ</t>
    </rPh>
    <rPh sb="2" eb="4">
      <t>ジドウ</t>
    </rPh>
    <rPh sb="4" eb="6">
      <t>ソウダン</t>
    </rPh>
    <rPh sb="6" eb="7">
      <t>ジョ</t>
    </rPh>
    <rPh sb="8" eb="10">
      <t>イチジ</t>
    </rPh>
    <rPh sb="10" eb="12">
      <t>ホゴ</t>
    </rPh>
    <rPh sb="12" eb="13">
      <t>ショ</t>
    </rPh>
    <phoneticPr fontId="4"/>
  </si>
  <si>
    <t>・心身ともに健康な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Ph sb="1" eb="3">
      <t>シンシン</t>
    </rPh>
    <rPh sb="6" eb="8">
      <t>ケンコウ</t>
    </rPh>
    <rPh sb="9" eb="10">
      <t>カタ</t>
    </rPh>
    <rPh sb="45" eb="47">
      <t>コジン</t>
    </rPh>
    <rPh sb="47" eb="49">
      <t>ジョウホウ</t>
    </rPh>
    <rPh sb="49" eb="51">
      <t>ホゴ</t>
    </rPh>
    <rPh sb="51" eb="52">
      <t>ナド</t>
    </rPh>
    <rPh sb="53" eb="55">
      <t>カンテン</t>
    </rPh>
    <rPh sb="57" eb="59">
      <t>ジッシュウ</t>
    </rPh>
    <rPh sb="59" eb="61">
      <t>ケイゾク</t>
    </rPh>
    <rPh sb="62" eb="64">
      <t>シショウ</t>
    </rPh>
    <rPh sb="68" eb="70">
      <t>ジドウ</t>
    </rPh>
    <rPh sb="70" eb="72">
      <t>ソウダン</t>
    </rPh>
    <rPh sb="72" eb="73">
      <t>ショ</t>
    </rPh>
    <rPh sb="74" eb="76">
      <t>ハンダン</t>
    </rPh>
    <rPh sb="78" eb="80">
      <t>バアイ</t>
    </rPh>
    <rPh sb="82" eb="84">
      <t>ジッシュウ</t>
    </rPh>
    <rPh sb="85" eb="87">
      <t>チュウダン</t>
    </rPh>
    <rPh sb="94" eb="96">
      <t>バアイ</t>
    </rPh>
    <rPh sb="104" eb="107">
      <t>ジッシュウチュウ</t>
    </rPh>
    <rPh sb="108" eb="110">
      <t>ケイタイ</t>
    </rPh>
    <rPh sb="110" eb="112">
      <t>デンワ</t>
    </rPh>
    <rPh sb="113" eb="115">
      <t>シヨウ</t>
    </rPh>
    <rPh sb="116" eb="118">
      <t>セイゲン</t>
    </rPh>
    <rPh sb="120" eb="122">
      <t>バアイ</t>
    </rPh>
    <phoneticPr fontId="4"/>
  </si>
  <si>
    <t>北児童相談所
心理指導担当</t>
    <rPh sb="0" eb="1">
      <t>キタ</t>
    </rPh>
    <rPh sb="1" eb="3">
      <t>ジドウ</t>
    </rPh>
    <rPh sb="3" eb="5">
      <t>ソウダン</t>
    </rPh>
    <rPh sb="5" eb="6">
      <t>ショ</t>
    </rPh>
    <rPh sb="7" eb="9">
      <t>シンリ</t>
    </rPh>
    <rPh sb="9" eb="11">
      <t>シドウ</t>
    </rPh>
    <rPh sb="11" eb="13">
      <t>タントウ</t>
    </rPh>
    <phoneticPr fontId="4"/>
  </si>
  <si>
    <t>心理</t>
    <rPh sb="0" eb="2">
      <t>シンリ</t>
    </rPh>
    <phoneticPr fontId="4"/>
  </si>
  <si>
    <t>　―</t>
    <phoneticPr fontId="4"/>
  </si>
  <si>
    <t>北児童相談所</t>
    <rPh sb="0" eb="1">
      <t>キタ</t>
    </rPh>
    <rPh sb="1" eb="3">
      <t>ジドウ</t>
    </rPh>
    <rPh sb="3" eb="5">
      <t>ソウダン</t>
    </rPh>
    <rPh sb="5" eb="6">
      <t>ショ</t>
    </rPh>
    <phoneticPr fontId="4"/>
  </si>
  <si>
    <t>児童相談所における児童心理司の補助</t>
    <rPh sb="0" eb="2">
      <t>ジドウ</t>
    </rPh>
    <rPh sb="2" eb="4">
      <t>ソウダン</t>
    </rPh>
    <rPh sb="4" eb="5">
      <t>ショ</t>
    </rPh>
    <rPh sb="9" eb="11">
      <t>ジドウ</t>
    </rPh>
    <rPh sb="11" eb="13">
      <t>シンリ</t>
    </rPh>
    <rPh sb="13" eb="14">
      <t>シ</t>
    </rPh>
    <rPh sb="15" eb="17">
      <t>ホジョ</t>
    </rPh>
    <phoneticPr fontId="4"/>
  </si>
  <si>
    <t>心理学</t>
    <rPh sb="0" eb="2">
      <t>シンリ</t>
    </rPh>
    <rPh sb="2" eb="3">
      <t>ガク</t>
    </rPh>
    <phoneticPr fontId="4"/>
  </si>
  <si>
    <t>萩山実務学校
自立支援課
生活担当</t>
    <rPh sb="0" eb="6">
      <t>ハギヤマジツムガッコウ</t>
    </rPh>
    <rPh sb="7" eb="9">
      <t>ジリツ</t>
    </rPh>
    <rPh sb="9" eb="11">
      <t>シエン</t>
    </rPh>
    <rPh sb="11" eb="12">
      <t>カ</t>
    </rPh>
    <rPh sb="13" eb="15">
      <t>セイカツ</t>
    </rPh>
    <rPh sb="15" eb="17">
      <t>タントウ</t>
    </rPh>
    <phoneticPr fontId="4"/>
  </si>
  <si>
    <t>【実習時間帯】
早番
6:45～15:30
遅番
12:00～20:45
日勤
8:30～17:15</t>
    <phoneticPr fontId="4"/>
  </si>
  <si>
    <t>東京都立萩山実務学校
東村山市萩山町１－３７－１</t>
    <rPh sb="0" eb="2">
      <t>トウキョウ</t>
    </rPh>
    <rPh sb="2" eb="4">
      <t>トリツ</t>
    </rPh>
    <rPh sb="4" eb="6">
      <t>ハギヤマ</t>
    </rPh>
    <rPh sb="6" eb="8">
      <t>ジツム</t>
    </rPh>
    <rPh sb="8" eb="10">
      <t>ガッコウ</t>
    </rPh>
    <rPh sb="11" eb="15">
      <t>ヒガシムラヤマシ</t>
    </rPh>
    <rPh sb="15" eb="18">
      <t>ハギヤマチョウ</t>
    </rPh>
    <phoneticPr fontId="3"/>
  </si>
  <si>
    <t>【内容】
・実習施設は、児童福祉法第44条に定められた「児童自立支援施設」です。
・児童(中学生、高校生)の生活支援をします。但し、専門的な技術を要するため観察が中心となります。
【勤務】
・すべて通勤となります。
・変則勤務職場のため、左記の勤務時間帯を体験していただきます。
【留意事項】
・児童と食事を共にしていただきます。（食費は１食394円で実費徴収）
・児童の個人情報保護及び人権には最大限の配慮が必要であり、この点で支障が発生する恐れがあると判断した場合は、実習を中断させて頂く場合があります。
・実習前に実施する事前オリエンテーションへの参加がない場合は、実習はできません。</t>
    <rPh sb="113" eb="115">
      <t>ショクバ</t>
    </rPh>
    <rPh sb="119" eb="120">
      <t>ヒダリ</t>
    </rPh>
    <phoneticPr fontId="3"/>
  </si>
  <si>
    <t>大学・短大等において、社会福祉学、児童福祉に関連する学科を専攻していること。</t>
    <rPh sb="0" eb="2">
      <t>ダイガク</t>
    </rPh>
    <rPh sb="3" eb="5">
      <t>タンダイ</t>
    </rPh>
    <rPh sb="5" eb="6">
      <t>トウ</t>
    </rPh>
    <rPh sb="11" eb="13">
      <t>シャカイ</t>
    </rPh>
    <rPh sb="13" eb="15">
      <t>フクシ</t>
    </rPh>
    <rPh sb="15" eb="16">
      <t>ガク</t>
    </rPh>
    <rPh sb="17" eb="19">
      <t>ジドウ</t>
    </rPh>
    <rPh sb="19" eb="21">
      <t>フクシ</t>
    </rPh>
    <rPh sb="22" eb="24">
      <t>カンレン</t>
    </rPh>
    <rPh sb="26" eb="28">
      <t>ガッカ</t>
    </rPh>
    <rPh sb="29" eb="31">
      <t>センコウ</t>
    </rPh>
    <phoneticPr fontId="3"/>
  </si>
  <si>
    <t>・心身ともに健康であること
・健康診断書の提出
・事前オリエンテーションへの参加</t>
    <rPh sb="1" eb="3">
      <t>シンシン</t>
    </rPh>
    <rPh sb="6" eb="8">
      <t>ケンコウ</t>
    </rPh>
    <rPh sb="15" eb="17">
      <t>ケンコウ</t>
    </rPh>
    <rPh sb="17" eb="20">
      <t>シンダンショ</t>
    </rPh>
    <rPh sb="21" eb="23">
      <t>テイシュツ</t>
    </rPh>
    <rPh sb="25" eb="27">
      <t>ジゼン</t>
    </rPh>
    <rPh sb="38" eb="40">
      <t>サンカ</t>
    </rPh>
    <phoneticPr fontId="3"/>
  </si>
  <si>
    <t>北療育医療センター
指導科・通園科</t>
    <rPh sb="0" eb="1">
      <t>キタ</t>
    </rPh>
    <rPh sb="1" eb="3">
      <t>リョウイク</t>
    </rPh>
    <rPh sb="3" eb="5">
      <t>イリョウ</t>
    </rPh>
    <rPh sb="10" eb="13">
      <t>シドウカ</t>
    </rPh>
    <rPh sb="14" eb="16">
      <t>ツウエン</t>
    </rPh>
    <rPh sb="16" eb="17">
      <t>カ</t>
    </rPh>
    <phoneticPr fontId="4"/>
  </si>
  <si>
    <t>(火)</t>
    <rPh sb="1" eb="2">
      <t>カ</t>
    </rPh>
    <phoneticPr fontId="4"/>
  </si>
  <si>
    <t>―</t>
  </si>
  <si>
    <t>東京都立北療育医療センター
指導科・通園科</t>
    <rPh sb="0" eb="13">
      <t>キタ</t>
    </rPh>
    <rPh sb="14" eb="17">
      <t>シドウカ</t>
    </rPh>
    <rPh sb="18" eb="20">
      <t>ツウエン</t>
    </rPh>
    <rPh sb="20" eb="21">
      <t>カ</t>
    </rPh>
    <phoneticPr fontId="4"/>
  </si>
  <si>
    <t>療養介護（重症心身障害者入所施設）・医療型障害児入所施設・生活介護・医療型児童発達支援センターにおける療育活動の見学及び業務補助等</t>
    <rPh sb="0" eb="2">
      <t>リョウヨウ</t>
    </rPh>
    <rPh sb="2" eb="4">
      <t>カイゴ</t>
    </rPh>
    <rPh sb="5" eb="7">
      <t>ジュウショウ</t>
    </rPh>
    <rPh sb="7" eb="9">
      <t>シンシン</t>
    </rPh>
    <rPh sb="9" eb="11">
      <t>ショウガイ</t>
    </rPh>
    <rPh sb="11" eb="12">
      <t>シャ</t>
    </rPh>
    <rPh sb="12" eb="14">
      <t>ニュウショ</t>
    </rPh>
    <rPh sb="14" eb="16">
      <t>シセツ</t>
    </rPh>
    <rPh sb="18" eb="20">
      <t>イリョウ</t>
    </rPh>
    <rPh sb="20" eb="21">
      <t>ガタ</t>
    </rPh>
    <rPh sb="21" eb="23">
      <t>ショウガイ</t>
    </rPh>
    <rPh sb="23" eb="24">
      <t>ジ</t>
    </rPh>
    <rPh sb="24" eb="26">
      <t>ニュウショ</t>
    </rPh>
    <rPh sb="26" eb="28">
      <t>シセツ</t>
    </rPh>
    <rPh sb="64" eb="65">
      <t>トウ</t>
    </rPh>
    <phoneticPr fontId="4"/>
  </si>
  <si>
    <t>障害福祉に関心のある方
※実習前10日間の健康確認が必要</t>
    <rPh sb="0" eb="2">
      <t>ショウガイ</t>
    </rPh>
    <rPh sb="2" eb="4">
      <t>フクシ</t>
    </rPh>
    <rPh sb="5" eb="7">
      <t>カンシン</t>
    </rPh>
    <rPh sb="10" eb="11">
      <t>カタ</t>
    </rPh>
    <phoneticPr fontId="4"/>
  </si>
  <si>
    <t>府中療育センター
薬剤科</t>
    <rPh sb="0" eb="4">
      <t>フチュウリョウイク</t>
    </rPh>
    <rPh sb="9" eb="11">
      <t>ヤクザイ</t>
    </rPh>
    <rPh sb="11" eb="12">
      <t>カ</t>
    </rPh>
    <phoneticPr fontId="3"/>
  </si>
  <si>
    <t>薬剤A</t>
    <rPh sb="0" eb="2">
      <t>ヤクザイ</t>
    </rPh>
    <phoneticPr fontId="4"/>
  </si>
  <si>
    <t>東京都立
府中療育センター
薬剤科
府中市武蔵台2-9-2</t>
    <rPh sb="0" eb="2">
      <t>トウキョウ</t>
    </rPh>
    <rPh sb="2" eb="4">
      <t>トリツ</t>
    </rPh>
    <rPh sb="5" eb="7">
      <t>フチュウ</t>
    </rPh>
    <rPh sb="7" eb="9">
      <t>リョウイク</t>
    </rPh>
    <rPh sb="14" eb="16">
      <t>ヤクザイ</t>
    </rPh>
    <rPh sb="16" eb="17">
      <t>カ</t>
    </rPh>
    <rPh sb="19" eb="22">
      <t>フチュウシ</t>
    </rPh>
    <rPh sb="22" eb="25">
      <t>ムサシダイ</t>
    </rPh>
    <phoneticPr fontId="4"/>
  </si>
  <si>
    <t>療育医療施設での薬剤師業務の補助及び見学（調剤業務/医薬品管理業務等）</t>
    <rPh sb="0" eb="2">
      <t>リョウイク</t>
    </rPh>
    <phoneticPr fontId="4"/>
  </si>
  <si>
    <t>薬学
（6年制）</t>
    <rPh sb="0" eb="2">
      <t>ヤクガク</t>
    </rPh>
    <rPh sb="5" eb="7">
      <t>ネンセイ</t>
    </rPh>
    <phoneticPr fontId="3"/>
  </si>
  <si>
    <t>以下の条件を満たす者
1）　６年制薬学（薬剤師養成課程）に在学中で、4年生以上
2）　療育医療に関心がある
3)　　実習前10日間の健康確認、新型コロナウィルスワクチン接種歴の確認が必要</t>
    <rPh sb="0" eb="2">
      <t>イカ</t>
    </rPh>
    <rPh sb="3" eb="5">
      <t>ジョウケン</t>
    </rPh>
    <rPh sb="6" eb="7">
      <t>ミ</t>
    </rPh>
    <rPh sb="9" eb="10">
      <t>モノ</t>
    </rPh>
    <rPh sb="29" eb="32">
      <t>ザイガクチュウ</t>
    </rPh>
    <rPh sb="43" eb="45">
      <t>リョウイク</t>
    </rPh>
    <rPh sb="48" eb="50">
      <t>カンシン</t>
    </rPh>
    <rPh sb="71" eb="73">
      <t>シンガタ</t>
    </rPh>
    <phoneticPr fontId="3"/>
  </si>
  <si>
    <t>府中療育センター
栄養科</t>
    <rPh sb="0" eb="2">
      <t>フチュウ</t>
    </rPh>
    <rPh sb="2" eb="4">
      <t>リョウイク</t>
    </rPh>
    <rPh sb="9" eb="12">
      <t>エイヨウカ</t>
    </rPh>
    <phoneticPr fontId="4"/>
  </si>
  <si>
    <t>栄養士</t>
    <rPh sb="0" eb="3">
      <t>エイヨウシ</t>
    </rPh>
    <phoneticPr fontId="4"/>
  </si>
  <si>
    <t>東京都立
府中療育センター
栄養科
府中市武蔵台2-9-2</t>
    <rPh sb="0" eb="2">
      <t>トウキョウ</t>
    </rPh>
    <rPh sb="2" eb="4">
      <t>トリツ</t>
    </rPh>
    <rPh sb="5" eb="7">
      <t>フチュウ</t>
    </rPh>
    <rPh sb="7" eb="9">
      <t>リョウイク</t>
    </rPh>
    <rPh sb="14" eb="17">
      <t>エイヨウカ</t>
    </rPh>
    <rPh sb="19" eb="22">
      <t>フチュウシ</t>
    </rPh>
    <rPh sb="22" eb="25">
      <t>ムサシダイ</t>
    </rPh>
    <phoneticPr fontId="4"/>
  </si>
  <si>
    <t>医療型障害者福祉施設における管理栄養士業務の見学
（臨床栄養管理・栄養食事指導・給食管理）</t>
    <rPh sb="0" eb="2">
      <t>イリョウ</t>
    </rPh>
    <rPh sb="2" eb="3">
      <t>ガタ</t>
    </rPh>
    <rPh sb="3" eb="6">
      <t>ショウガイシャ</t>
    </rPh>
    <rPh sb="6" eb="8">
      <t>フクシ</t>
    </rPh>
    <rPh sb="8" eb="10">
      <t>シセツ</t>
    </rPh>
    <rPh sb="14" eb="16">
      <t>カンリ</t>
    </rPh>
    <rPh sb="16" eb="19">
      <t>エイヨウシ</t>
    </rPh>
    <rPh sb="19" eb="21">
      <t>ギョウム</t>
    </rPh>
    <rPh sb="22" eb="24">
      <t>ケンガク</t>
    </rPh>
    <rPh sb="26" eb="28">
      <t>リンショウ</t>
    </rPh>
    <rPh sb="28" eb="30">
      <t>エイヨウ</t>
    </rPh>
    <rPh sb="30" eb="32">
      <t>カンリ</t>
    </rPh>
    <rPh sb="33" eb="35">
      <t>エイヨウ</t>
    </rPh>
    <rPh sb="35" eb="37">
      <t>ショクジ</t>
    </rPh>
    <rPh sb="37" eb="39">
      <t>シドウ</t>
    </rPh>
    <rPh sb="40" eb="42">
      <t>キュウショク</t>
    </rPh>
    <rPh sb="42" eb="44">
      <t>カンリ</t>
    </rPh>
    <phoneticPr fontId="4"/>
  </si>
  <si>
    <t>大学等で管理栄養士コース専攻</t>
    <rPh sb="0" eb="2">
      <t>ダイガク</t>
    </rPh>
    <rPh sb="2" eb="3">
      <t>トウ</t>
    </rPh>
    <rPh sb="4" eb="6">
      <t>カンリ</t>
    </rPh>
    <rPh sb="6" eb="9">
      <t>エイヨウシ</t>
    </rPh>
    <rPh sb="12" eb="14">
      <t>センコウ</t>
    </rPh>
    <phoneticPr fontId="4"/>
  </si>
  <si>
    <t>・管理栄養士コース専攻に限る。（栄養士コースは不可）
・健康診断書・細菌検査結果の提出
※実習前10日間の健康確認、新型コロナウィルスワクチン接種歴の確認が必要</t>
    <rPh sb="1" eb="3">
      <t>カンリ</t>
    </rPh>
    <rPh sb="3" eb="6">
      <t>エイヨウシ</t>
    </rPh>
    <rPh sb="9" eb="11">
      <t>センコウ</t>
    </rPh>
    <rPh sb="12" eb="13">
      <t>カギ</t>
    </rPh>
    <rPh sb="16" eb="19">
      <t>エイヨウシ</t>
    </rPh>
    <rPh sb="23" eb="25">
      <t>フカ</t>
    </rPh>
    <rPh sb="38" eb="40">
      <t>ケッカ</t>
    </rPh>
    <rPh sb="59" eb="61">
      <t>シンガタ</t>
    </rPh>
    <rPh sb="72" eb="74">
      <t>セッシュ</t>
    </rPh>
    <rPh sb="74" eb="75">
      <t>レキ</t>
    </rPh>
    <rPh sb="76" eb="78">
      <t>カクニン</t>
    </rPh>
    <rPh sb="79" eb="81">
      <t>ヒツヨウ</t>
    </rPh>
    <phoneticPr fontId="4"/>
  </si>
  <si>
    <t>府中療育センター
リハビリテーション科</t>
    <rPh sb="0" eb="4">
      <t>フチュウリョウイク</t>
    </rPh>
    <rPh sb="18" eb="19">
      <t>カ</t>
    </rPh>
    <phoneticPr fontId="4"/>
  </si>
  <si>
    <t>理学療法</t>
    <rPh sb="0" eb="2">
      <t>リガク</t>
    </rPh>
    <rPh sb="2" eb="4">
      <t>リョウホウ</t>
    </rPh>
    <phoneticPr fontId="4"/>
  </si>
  <si>
    <t>うち2日間
詳細な日程は実習生決定後、実習生と調整のうえ決定する。</t>
    <rPh sb="3" eb="5">
      <t>ニチカン</t>
    </rPh>
    <rPh sb="7" eb="9">
      <t>ショウサイ</t>
    </rPh>
    <rPh sb="10" eb="12">
      <t>ニッテイ</t>
    </rPh>
    <rPh sb="13" eb="16">
      <t>ジッシュウセイ</t>
    </rPh>
    <rPh sb="16" eb="18">
      <t>ケッテイ</t>
    </rPh>
    <rPh sb="18" eb="19">
      <t>ゴ</t>
    </rPh>
    <rPh sb="20" eb="23">
      <t>ジッシュウセイ</t>
    </rPh>
    <rPh sb="24" eb="26">
      <t>チョウセイ</t>
    </rPh>
    <rPh sb="29" eb="31">
      <t>ケッテイ</t>
    </rPh>
    <phoneticPr fontId="4"/>
  </si>
  <si>
    <t>東京都立
府中療育センター
リハビリテーション科
府中市武蔵台2-9-2</t>
    <rPh sb="0" eb="3">
      <t>トウキョウト</t>
    </rPh>
    <rPh sb="3" eb="4">
      <t>リツ</t>
    </rPh>
    <rPh sb="5" eb="9">
      <t>フチュウリョウイク</t>
    </rPh>
    <rPh sb="23" eb="24">
      <t>カ</t>
    </rPh>
    <rPh sb="26" eb="29">
      <t>フチュウシ</t>
    </rPh>
    <rPh sb="29" eb="32">
      <t>ムサシダイ</t>
    </rPh>
    <phoneticPr fontId="4"/>
  </si>
  <si>
    <t>利用者へのリハビリテーション実施補助、施設見学等</t>
    <rPh sb="0" eb="3">
      <t>リヨウシャ</t>
    </rPh>
    <rPh sb="14" eb="16">
      <t>ジッシ</t>
    </rPh>
    <rPh sb="16" eb="18">
      <t>ホジョ</t>
    </rPh>
    <rPh sb="19" eb="21">
      <t>シセツ</t>
    </rPh>
    <rPh sb="21" eb="23">
      <t>ケンガク</t>
    </rPh>
    <rPh sb="23" eb="24">
      <t>ナド</t>
    </rPh>
    <phoneticPr fontId="4"/>
  </si>
  <si>
    <t>左記職種の資格要件を満たす専攻</t>
    <rPh sb="0" eb="2">
      <t>サキ</t>
    </rPh>
    <rPh sb="2" eb="4">
      <t>ショクシュ</t>
    </rPh>
    <rPh sb="5" eb="7">
      <t>シカク</t>
    </rPh>
    <rPh sb="7" eb="9">
      <t>ヨウケン</t>
    </rPh>
    <rPh sb="10" eb="11">
      <t>ミ</t>
    </rPh>
    <rPh sb="13" eb="15">
      <t>センコウ</t>
    </rPh>
    <phoneticPr fontId="4"/>
  </si>
  <si>
    <t>・成人重症心身障害児（者）のリハビリテーションに関心のある方。
・障害児のリハビリテーションに関心のある方。
※実習前10日間の健康確認、新型コロナウィルスワクチン接種歴の確認が必要</t>
    <rPh sb="1" eb="3">
      <t>セイジン</t>
    </rPh>
    <rPh sb="3" eb="5">
      <t>ジュウショウ</t>
    </rPh>
    <rPh sb="5" eb="7">
      <t>シンシン</t>
    </rPh>
    <rPh sb="7" eb="9">
      <t>ショウガイ</t>
    </rPh>
    <rPh sb="9" eb="10">
      <t>ジ</t>
    </rPh>
    <rPh sb="11" eb="12">
      <t>シャ</t>
    </rPh>
    <rPh sb="24" eb="26">
      <t>カンシン</t>
    </rPh>
    <rPh sb="29" eb="30">
      <t>カタ</t>
    </rPh>
    <rPh sb="33" eb="35">
      <t>ショウガイ</t>
    </rPh>
    <rPh sb="35" eb="36">
      <t>ジ</t>
    </rPh>
    <rPh sb="47" eb="49">
      <t>カンシン</t>
    </rPh>
    <rPh sb="52" eb="53">
      <t>カタ</t>
    </rPh>
    <rPh sb="70" eb="72">
      <t>シンガタ</t>
    </rPh>
    <phoneticPr fontId="4"/>
  </si>
  <si>
    <t>作業療法</t>
    <rPh sb="0" eb="2">
      <t>サギョウ</t>
    </rPh>
    <rPh sb="2" eb="4">
      <t>リョウホウ</t>
    </rPh>
    <phoneticPr fontId="4"/>
  </si>
  <si>
    <t>言語聴覚療法</t>
    <rPh sb="0" eb="2">
      <t>ゲンゴ</t>
    </rPh>
    <rPh sb="2" eb="4">
      <t>チョウカク</t>
    </rPh>
    <rPh sb="4" eb="6">
      <t>リョウホウ</t>
    </rPh>
    <phoneticPr fontId="4"/>
  </si>
  <si>
    <t>府中療育センター
生活療育支援科
指導担当</t>
    <rPh sb="0" eb="2">
      <t>フチュウ</t>
    </rPh>
    <rPh sb="2" eb="4">
      <t>リョウイク</t>
    </rPh>
    <rPh sb="9" eb="11">
      <t>セイカツ</t>
    </rPh>
    <rPh sb="11" eb="13">
      <t>リョウイク</t>
    </rPh>
    <rPh sb="13" eb="15">
      <t>シエン</t>
    </rPh>
    <rPh sb="15" eb="16">
      <t>カ</t>
    </rPh>
    <rPh sb="17" eb="19">
      <t>シドウ</t>
    </rPh>
    <rPh sb="19" eb="21">
      <t>タントウ</t>
    </rPh>
    <phoneticPr fontId="4"/>
  </si>
  <si>
    <t>東京都立
府中療育センター
生活療育支援科
府中市武蔵台2-9-2</t>
    <rPh sb="0" eb="3">
      <t>トウキョウト</t>
    </rPh>
    <rPh sb="3" eb="4">
      <t>リツ</t>
    </rPh>
    <rPh sb="5" eb="7">
      <t>フチュウ</t>
    </rPh>
    <rPh sb="7" eb="9">
      <t>リョウイク</t>
    </rPh>
    <rPh sb="14" eb="21">
      <t>セイカツリョウイクシエンカ</t>
    </rPh>
    <rPh sb="23" eb="26">
      <t>フチュウシ</t>
    </rPh>
    <rPh sb="26" eb="29">
      <t>ムサシダイ</t>
    </rPh>
    <phoneticPr fontId="4"/>
  </si>
  <si>
    <t>療養介護（重症心身障害者入所施設）における療育活動の見学及び業務補助（利用者の日中活動（グループ活動）、行事への参加）</t>
    <rPh sb="0" eb="2">
      <t>リョウヨウ</t>
    </rPh>
    <rPh sb="2" eb="4">
      <t>カイゴ</t>
    </rPh>
    <rPh sb="5" eb="7">
      <t>ジュウショウ</t>
    </rPh>
    <rPh sb="7" eb="9">
      <t>シンシン</t>
    </rPh>
    <rPh sb="9" eb="11">
      <t>ショウガイ</t>
    </rPh>
    <rPh sb="11" eb="12">
      <t>シャ</t>
    </rPh>
    <rPh sb="12" eb="14">
      <t>ニュウショ</t>
    </rPh>
    <rPh sb="14" eb="16">
      <t>シセツ</t>
    </rPh>
    <rPh sb="21" eb="23">
      <t>リョウイク</t>
    </rPh>
    <rPh sb="23" eb="25">
      <t>カツドウ</t>
    </rPh>
    <rPh sb="26" eb="28">
      <t>ケンガク</t>
    </rPh>
    <rPh sb="28" eb="29">
      <t>オヨ</t>
    </rPh>
    <rPh sb="30" eb="32">
      <t>ギョウム</t>
    </rPh>
    <rPh sb="32" eb="34">
      <t>ホジョ</t>
    </rPh>
    <rPh sb="35" eb="38">
      <t>リヨウシャ</t>
    </rPh>
    <rPh sb="39" eb="41">
      <t>ニッチュウ</t>
    </rPh>
    <rPh sb="41" eb="43">
      <t>カツドウ</t>
    </rPh>
    <rPh sb="48" eb="50">
      <t>カツドウ</t>
    </rPh>
    <rPh sb="52" eb="54">
      <t>ギョウジ</t>
    </rPh>
    <rPh sb="56" eb="58">
      <t>サンカ</t>
    </rPh>
    <phoneticPr fontId="4"/>
  </si>
  <si>
    <t>障害福祉に関心のある方
※実習前10日間の健康確認、新型コロナウィルスワクチン接種歴の確認が必要</t>
    <rPh sb="0" eb="2">
      <t>ショウガイ</t>
    </rPh>
    <rPh sb="2" eb="4">
      <t>フクシ</t>
    </rPh>
    <rPh sb="5" eb="7">
      <t>カンシン</t>
    </rPh>
    <rPh sb="10" eb="11">
      <t>カタ</t>
    </rPh>
    <rPh sb="28" eb="30">
      <t>シンガタ</t>
    </rPh>
    <phoneticPr fontId="4"/>
  </si>
  <si>
    <t>福祉・保健医療</t>
  </si>
  <si>
    <t>福祉保健局</t>
  </si>
  <si>
    <t>健康安全研究センター
微生物部
食品微生物研究科/病原細菌研究科/ウイルス研究科</t>
    <phoneticPr fontId="4"/>
  </si>
  <si>
    <t>理系</t>
  </si>
  <si>
    <t>薬剤Ｂ
衛生監視
環境検査
獣医</t>
  </si>
  <si>
    <t xml:space="preserve">東京都健康安全研究センター
・9/11～9/14：
東京都新宿区百人町3-24-1
</t>
    <phoneticPr fontId="4"/>
  </si>
  <si>
    <t>１　食品微生物検査業務
　①　食中毒に係る細菌検査
　②　一般流通食品等に係る細菌検査と真菌の観察
２　病原細菌研究科の業務
　①　細菌性感染症に関わる調査研究の紹介
　②　寄生虫性食中毒に関わる調査研究の紹介
３　ウイルス性食中毒検査業務およびウイルス性感染症検査の紹介</t>
    <rPh sb="52" eb="54">
      <t>ビョウゲン</t>
    </rPh>
    <rPh sb="54" eb="56">
      <t>サイキン</t>
    </rPh>
    <rPh sb="56" eb="58">
      <t>ケンキュウ</t>
    </rPh>
    <rPh sb="58" eb="59">
      <t>カ</t>
    </rPh>
    <rPh sb="60" eb="62">
      <t>ギョウム</t>
    </rPh>
    <rPh sb="66" eb="69">
      <t>サイキンセイ</t>
    </rPh>
    <rPh sb="69" eb="72">
      <t>カンセンショウ</t>
    </rPh>
    <rPh sb="90" eb="91">
      <t>セイ</t>
    </rPh>
    <rPh sb="91" eb="94">
      <t>ショクチュウドク</t>
    </rPh>
    <rPh sb="95" eb="96">
      <t>カカ</t>
    </rPh>
    <rPh sb="98" eb="100">
      <t>チョウサ</t>
    </rPh>
    <rPh sb="100" eb="102">
      <t>ケンキュウ</t>
    </rPh>
    <rPh sb="103" eb="105">
      <t>ショウカイ</t>
    </rPh>
    <rPh sb="112" eb="113">
      <t>セイ</t>
    </rPh>
    <phoneticPr fontId="4"/>
  </si>
  <si>
    <t>理学・農学・薬学・獣医学系等の理系学科</t>
  </si>
  <si>
    <t>・食品衛生、感染症検査に関する都の行政および調査研究に関心がある者
・生物学実験の基礎知識および実習経験がある者
・希望職種不問（ただし、事務職の希望者を除く）</t>
  </si>
  <si>
    <t>健康安全研究センター食品化学部　食品成分研究科/食品添加物研究科/残留物質研究科</t>
  </si>
  <si>
    <t>１　食品の成分規格，栄養成分の試験、食品中の放射能測定ならびに化学物質や自然毒に起因する食中毒に関する試験
２　食品中の食品添加物，容器包装等の試験
３　食品中の残留物質（農薬，動物用医薬品）の試験</t>
  </si>
  <si>
    <t>理学・農学・薬学・獣医学系の学科</t>
  </si>
  <si>
    <t>・食品衛生に関する都の行政および調査研究に関心がある者
・化学実験の基礎知識および実習経験がある者
・有機溶媒や酸、アルカリの使用において健康上の問題がない者</t>
    <phoneticPr fontId="4"/>
  </si>
  <si>
    <t>産業労働局</t>
    <rPh sb="0" eb="4">
      <t>サンギョウロウドウ</t>
    </rPh>
    <rPh sb="4" eb="5">
      <t>キョク</t>
    </rPh>
    <phoneticPr fontId="1"/>
  </si>
  <si>
    <t>森林事務所
森林産業課</t>
    <rPh sb="0" eb="2">
      <t>シンリン</t>
    </rPh>
    <rPh sb="2" eb="4">
      <t>ジム</t>
    </rPh>
    <rPh sb="4" eb="5">
      <t>ショ</t>
    </rPh>
    <rPh sb="6" eb="8">
      <t>シンリン</t>
    </rPh>
    <rPh sb="8" eb="10">
      <t>サンギョウ</t>
    </rPh>
    <rPh sb="10" eb="11">
      <t>カ</t>
    </rPh>
    <phoneticPr fontId="4"/>
  </si>
  <si>
    <t>林業</t>
    <rPh sb="0" eb="2">
      <t>リンギョウ</t>
    </rPh>
    <phoneticPr fontId="4"/>
  </si>
  <si>
    <t>森林事務所及び多摩地域の森林</t>
    <phoneticPr fontId="4"/>
  </si>
  <si>
    <t>東京の森林・林業について
林道事業、木材利用促進事業について</t>
    <rPh sb="0" eb="2">
      <t>トウキョウ</t>
    </rPh>
    <rPh sb="3" eb="5">
      <t>シンリン</t>
    </rPh>
    <rPh sb="6" eb="8">
      <t>リンギョウ</t>
    </rPh>
    <rPh sb="13" eb="15">
      <t>リンドウ</t>
    </rPh>
    <rPh sb="15" eb="17">
      <t>ジギョウ</t>
    </rPh>
    <rPh sb="18" eb="20">
      <t>モクザイ</t>
    </rPh>
    <rPh sb="20" eb="22">
      <t>リヨウ</t>
    </rPh>
    <rPh sb="22" eb="24">
      <t>ソクシン</t>
    </rPh>
    <rPh sb="24" eb="26">
      <t>ジギョウ</t>
    </rPh>
    <phoneticPr fontId="4"/>
  </si>
  <si>
    <t>農業振興事務所
中央農業改良普及センター普及指導担当</t>
    <rPh sb="0" eb="2">
      <t>ノウギョウ</t>
    </rPh>
    <rPh sb="2" eb="4">
      <t>シンコウ</t>
    </rPh>
    <rPh sb="4" eb="6">
      <t>ジム</t>
    </rPh>
    <rPh sb="6" eb="7">
      <t>ショ</t>
    </rPh>
    <rPh sb="8" eb="10">
      <t>チュウオウ</t>
    </rPh>
    <rPh sb="10" eb="12">
      <t>ノウギョウ</t>
    </rPh>
    <rPh sb="12" eb="14">
      <t>カイリョウ</t>
    </rPh>
    <rPh sb="14" eb="16">
      <t>フキュウ</t>
    </rPh>
    <rPh sb="20" eb="22">
      <t>フキュウ</t>
    </rPh>
    <rPh sb="22" eb="24">
      <t>シドウ</t>
    </rPh>
    <rPh sb="24" eb="26">
      <t>タントウ</t>
    </rPh>
    <phoneticPr fontId="4"/>
  </si>
  <si>
    <t>畜産
農業技術</t>
    <rPh sb="0" eb="2">
      <t>チクサン</t>
    </rPh>
    <rPh sb="3" eb="7">
      <t>ノウギョウギジュツ</t>
    </rPh>
    <phoneticPr fontId="4"/>
  </si>
  <si>
    <t>(火)</t>
  </si>
  <si>
    <t>・</t>
    <phoneticPr fontId="4"/>
  </si>
  <si>
    <t>中央農業改良普及センター事務所、中央普及センター管内農家等へ車両で巡回</t>
    <rPh sb="0" eb="2">
      <t>チュウオウ</t>
    </rPh>
    <rPh sb="2" eb="4">
      <t>ノウギョウ</t>
    </rPh>
    <rPh sb="4" eb="6">
      <t>カイリョウ</t>
    </rPh>
    <rPh sb="6" eb="8">
      <t>フキュウ</t>
    </rPh>
    <rPh sb="12" eb="14">
      <t>ジム</t>
    </rPh>
    <rPh sb="14" eb="15">
      <t>ショ</t>
    </rPh>
    <rPh sb="16" eb="18">
      <t>チュウオウ</t>
    </rPh>
    <rPh sb="18" eb="20">
      <t>フキュウ</t>
    </rPh>
    <rPh sb="24" eb="26">
      <t>カンナイ</t>
    </rPh>
    <rPh sb="26" eb="28">
      <t>ノウカ</t>
    </rPh>
    <rPh sb="28" eb="29">
      <t>トウ</t>
    </rPh>
    <rPh sb="30" eb="32">
      <t>シャリョウ</t>
    </rPh>
    <rPh sb="33" eb="35">
      <t>ジュンカイ</t>
    </rPh>
    <phoneticPr fontId="3"/>
  </si>
  <si>
    <t>農業者向け技術講習会の開催
農業者に対する個別巡回指導及び展示ほ等の調査
普及センター内運営会議の参加　</t>
    <rPh sb="0" eb="3">
      <t>ノウギョウシャ</t>
    </rPh>
    <rPh sb="3" eb="4">
      <t>ム</t>
    </rPh>
    <rPh sb="5" eb="7">
      <t>ギジュツ</t>
    </rPh>
    <rPh sb="7" eb="10">
      <t>コウシュウカイ</t>
    </rPh>
    <rPh sb="11" eb="13">
      <t>カイサイ</t>
    </rPh>
    <rPh sb="14" eb="17">
      <t>ノウギョウシャ</t>
    </rPh>
    <rPh sb="18" eb="19">
      <t>タイ</t>
    </rPh>
    <rPh sb="21" eb="23">
      <t>コベツ</t>
    </rPh>
    <rPh sb="23" eb="25">
      <t>ジュンカイ</t>
    </rPh>
    <rPh sb="25" eb="27">
      <t>シドウ</t>
    </rPh>
    <rPh sb="27" eb="28">
      <t>オヨ</t>
    </rPh>
    <rPh sb="29" eb="31">
      <t>テンジ</t>
    </rPh>
    <rPh sb="32" eb="33">
      <t>トウ</t>
    </rPh>
    <rPh sb="34" eb="36">
      <t>チョウサ</t>
    </rPh>
    <rPh sb="37" eb="39">
      <t>フキュウ</t>
    </rPh>
    <rPh sb="43" eb="44">
      <t>ナイ</t>
    </rPh>
    <rPh sb="44" eb="46">
      <t>ウンエイ</t>
    </rPh>
    <rPh sb="46" eb="48">
      <t>カイギ</t>
    </rPh>
    <rPh sb="49" eb="51">
      <t>サンカ</t>
    </rPh>
    <phoneticPr fontId="5"/>
  </si>
  <si>
    <t>水産</t>
    <rPh sb="0" eb="2">
      <t>スイサン</t>
    </rPh>
    <phoneticPr fontId="4"/>
  </si>
  <si>
    <t>9/12水産課
9/13島しょセ</t>
    <rPh sb="4" eb="6">
      <t>スイサン</t>
    </rPh>
    <rPh sb="6" eb="7">
      <t>カ</t>
    </rPh>
    <rPh sb="12" eb="13">
      <t>トウ</t>
    </rPh>
    <phoneticPr fontId="4"/>
  </si>
  <si>
    <t>(水)</t>
  </si>
  <si>
    <t>・９月11日（月曜日）に、局全体ガイダンス等を実施予定です。
・環境問題や下水道、水処理技術に関心がある方</t>
    <phoneticPr fontId="4"/>
  </si>
  <si>
    <t>12日は児童相談センター事業課集合</t>
    <phoneticPr fontId="4"/>
  </si>
  <si>
    <t>12日は児童相談センター事業課集合</t>
    <phoneticPr fontId="4"/>
  </si>
  <si>
    <t>都立学校教育部
学校健康推進課</t>
    <rPh sb="0" eb="2">
      <t>トリツ</t>
    </rPh>
    <rPh sb="2" eb="4">
      <t>ガッコウ</t>
    </rPh>
    <rPh sb="4" eb="6">
      <t>キョウイク</t>
    </rPh>
    <rPh sb="6" eb="7">
      <t>ブ</t>
    </rPh>
    <rPh sb="8" eb="10">
      <t>ガッコウ</t>
    </rPh>
    <rPh sb="10" eb="12">
      <t>ケンコウ</t>
    </rPh>
    <rPh sb="12" eb="15">
      <t>スイシンカ</t>
    </rPh>
    <phoneticPr fontId="4"/>
  </si>
  <si>
    <t>下記日程で実施
9/11（月）
9/13（水）
9/15（金）</t>
    <rPh sb="0" eb="2">
      <t>カキ</t>
    </rPh>
    <rPh sb="2" eb="4">
      <t>ニッテイ</t>
    </rPh>
    <rPh sb="5" eb="7">
      <t>ジッシ</t>
    </rPh>
    <rPh sb="14" eb="15">
      <t>ゲツ</t>
    </rPh>
    <rPh sb="22" eb="23">
      <t>スイ</t>
    </rPh>
    <rPh sb="30" eb="31">
      <t>キン</t>
    </rPh>
    <phoneticPr fontId="4"/>
  </si>
  <si>
    <t>都立永福学園</t>
    <rPh sb="0" eb="2">
      <t>トリツ</t>
    </rPh>
    <rPh sb="2" eb="4">
      <t>エイフク</t>
    </rPh>
    <rPh sb="4" eb="6">
      <t>ガクエン</t>
    </rPh>
    <phoneticPr fontId="4"/>
  </si>
  <si>
    <t>学校栄養職員の業務内容の補助、視察</t>
    <rPh sb="0" eb="2">
      <t>ガッコウ</t>
    </rPh>
    <rPh sb="2" eb="4">
      <t>エイヨウ</t>
    </rPh>
    <rPh sb="4" eb="6">
      <t>ショクイン</t>
    </rPh>
    <rPh sb="7" eb="9">
      <t>ギョウム</t>
    </rPh>
    <rPh sb="9" eb="11">
      <t>ナイヨウ</t>
    </rPh>
    <rPh sb="12" eb="14">
      <t>ホジョ</t>
    </rPh>
    <rPh sb="15" eb="17">
      <t>シサツ</t>
    </rPh>
    <phoneticPr fontId="4"/>
  </si>
  <si>
    <t>腸内細菌検査の実施</t>
    <rPh sb="0" eb="2">
      <t>チョウナイ</t>
    </rPh>
    <rPh sb="2" eb="4">
      <t>サイキン</t>
    </rPh>
    <rPh sb="4" eb="6">
      <t>ケンサ</t>
    </rPh>
    <rPh sb="7" eb="9">
      <t>ジッシ</t>
    </rPh>
    <phoneticPr fontId="4"/>
  </si>
  <si>
    <t>都立墨田特別支援学校</t>
    <rPh sb="0" eb="2">
      <t>トリツ</t>
    </rPh>
    <rPh sb="2" eb="4">
      <t>スミダ</t>
    </rPh>
    <rPh sb="4" eb="6">
      <t>トクベツ</t>
    </rPh>
    <rPh sb="6" eb="8">
      <t>シエン</t>
    </rPh>
    <rPh sb="8" eb="10">
      <t>ガッコウ</t>
    </rPh>
    <phoneticPr fontId="4"/>
  </si>
  <si>
    <t>うち2日間
詳細日程は実習生決定後に調整。</t>
    <rPh sb="8" eb="10">
      <t>ショウサイ</t>
    </rPh>
    <rPh sb="10" eb="12">
      <t>ニッテイ</t>
    </rPh>
    <rPh sb="13" eb="16">
      <t>ジッシュウセイ</t>
    </rPh>
    <rPh sb="16" eb="18">
      <t>ケッテイ</t>
    </rPh>
    <rPh sb="18" eb="19">
      <t>ゴ</t>
    </rPh>
    <rPh sb="20" eb="22">
      <t>チョウセイ</t>
    </rPh>
    <phoneticPr fontId="4"/>
  </si>
  <si>
    <t>環境局</t>
    <rPh sb="0" eb="2">
      <t>カンキョウ</t>
    </rPh>
    <rPh sb="2" eb="3">
      <t>キョク</t>
    </rPh>
    <phoneticPr fontId="1"/>
  </si>
  <si>
    <t>自然環境部
水環境課</t>
    <rPh sb="0" eb="5">
      <t>シゼンカンキョウブ</t>
    </rPh>
    <rPh sb="6" eb="7">
      <t>ミズ</t>
    </rPh>
    <rPh sb="7" eb="9">
      <t>カンキョウ</t>
    </rPh>
    <rPh sb="9" eb="10">
      <t>カ</t>
    </rPh>
    <phoneticPr fontId="4"/>
  </si>
  <si>
    <t>環境検査</t>
    <rPh sb="0" eb="2">
      <t>カンキョウ</t>
    </rPh>
    <rPh sb="2" eb="4">
      <t>ケンサ</t>
    </rPh>
    <phoneticPr fontId="4"/>
  </si>
  <si>
    <t>9/11は9:00～17:00、
9/12は9:00～15:00
の予定</t>
    <rPh sb="34" eb="36">
      <t>ヨテイ</t>
    </rPh>
    <phoneticPr fontId="4"/>
  </si>
  <si>
    <t>本庁舎　他
※出張予定あり</t>
    <rPh sb="0" eb="2">
      <t>ホンチョウ</t>
    </rPh>
    <rPh sb="2" eb="3">
      <t>シャ</t>
    </rPh>
    <rPh sb="4" eb="5">
      <t>ホカ</t>
    </rPh>
    <rPh sb="7" eb="9">
      <t>シュッチョウ</t>
    </rPh>
    <rPh sb="9" eb="11">
      <t>ヨテイ</t>
    </rPh>
    <phoneticPr fontId="4"/>
  </si>
  <si>
    <t>１日目：環境検査の事務に関する補助等
２日目：東京湾における赤潮調査の補助（実地調査／乗船）、微生物観察等
※天候不良により乗船できない場合は、２日目の実習内容は変更になります。</t>
    <rPh sb="1" eb="2">
      <t>ニチ</t>
    </rPh>
    <rPh sb="2" eb="3">
      <t>メ</t>
    </rPh>
    <rPh sb="4" eb="6">
      <t>カンキョウ</t>
    </rPh>
    <rPh sb="6" eb="8">
      <t>ケンサ</t>
    </rPh>
    <rPh sb="9" eb="11">
      <t>ジム</t>
    </rPh>
    <rPh sb="12" eb="13">
      <t>カン</t>
    </rPh>
    <rPh sb="15" eb="17">
      <t>ホジョ</t>
    </rPh>
    <rPh sb="17" eb="18">
      <t>トウ</t>
    </rPh>
    <rPh sb="23" eb="26">
      <t>トウキョウワン</t>
    </rPh>
    <rPh sb="30" eb="32">
      <t>アカシオ</t>
    </rPh>
    <rPh sb="32" eb="34">
      <t>チョウサ</t>
    </rPh>
    <rPh sb="35" eb="37">
      <t>ホジョ</t>
    </rPh>
    <rPh sb="38" eb="40">
      <t>ジッチ</t>
    </rPh>
    <rPh sb="40" eb="42">
      <t>チョウサ</t>
    </rPh>
    <rPh sb="43" eb="45">
      <t>ジョウセン</t>
    </rPh>
    <rPh sb="52" eb="53">
      <t>トウ</t>
    </rPh>
    <rPh sb="55" eb="57">
      <t>テンコウ</t>
    </rPh>
    <rPh sb="57" eb="59">
      <t>フリョウ</t>
    </rPh>
    <rPh sb="62" eb="64">
      <t>ジョウセン</t>
    </rPh>
    <rPh sb="68" eb="70">
      <t>バアイ</t>
    </rPh>
    <rPh sb="73" eb="74">
      <t>ニチ</t>
    </rPh>
    <rPh sb="74" eb="75">
      <t>メ</t>
    </rPh>
    <rPh sb="76" eb="78">
      <t>ジッシュウ</t>
    </rPh>
    <rPh sb="78" eb="80">
      <t>ナイヨウ</t>
    </rPh>
    <rPh sb="81" eb="83">
      <t>ヘンコウ</t>
    </rPh>
    <phoneticPr fontId="4"/>
  </si>
  <si>
    <t>船に４時間程度乗ることになるため、船に酔いやすい方、日焼けに弱い方、熱中症になりやすい方は御注意ください。</t>
    <rPh sb="0" eb="1">
      <t>フネ</t>
    </rPh>
    <rPh sb="3" eb="5">
      <t>ジカン</t>
    </rPh>
    <rPh sb="5" eb="7">
      <t>テイド</t>
    </rPh>
    <rPh sb="7" eb="8">
      <t>ノ</t>
    </rPh>
    <rPh sb="17" eb="18">
      <t>フネ</t>
    </rPh>
    <rPh sb="19" eb="20">
      <t>ヨ</t>
    </rPh>
    <rPh sb="24" eb="25">
      <t>カタ</t>
    </rPh>
    <rPh sb="26" eb="28">
      <t>ヒヤ</t>
    </rPh>
    <rPh sb="30" eb="31">
      <t>ヨワ</t>
    </rPh>
    <rPh sb="32" eb="33">
      <t>カタ</t>
    </rPh>
    <rPh sb="34" eb="36">
      <t>ネッチュウ</t>
    </rPh>
    <rPh sb="36" eb="37">
      <t>ショウ</t>
    </rPh>
    <rPh sb="43" eb="44">
      <t>カタ</t>
    </rPh>
    <rPh sb="45" eb="46">
      <t>ゴ</t>
    </rPh>
    <rPh sb="46" eb="48">
      <t>チュウイ</t>
    </rPh>
    <phoneticPr fontId="4"/>
  </si>
  <si>
    <t>環境改善部
大気保全課/化学物質対策課/環境保安課/自動車環境課</t>
    <rPh sb="0" eb="2">
      <t>カンキョウ</t>
    </rPh>
    <rPh sb="2" eb="4">
      <t>カイゼン</t>
    </rPh>
    <rPh sb="4" eb="5">
      <t>ブ</t>
    </rPh>
    <rPh sb="6" eb="8">
      <t>タイキ</t>
    </rPh>
    <rPh sb="8" eb="10">
      <t>ホゼン</t>
    </rPh>
    <rPh sb="10" eb="11">
      <t>カ</t>
    </rPh>
    <rPh sb="12" eb="14">
      <t>カガク</t>
    </rPh>
    <rPh sb="14" eb="16">
      <t>ブッシツ</t>
    </rPh>
    <rPh sb="16" eb="18">
      <t>タイサク</t>
    </rPh>
    <rPh sb="18" eb="19">
      <t>カ</t>
    </rPh>
    <rPh sb="20" eb="22">
      <t>カンキョウ</t>
    </rPh>
    <rPh sb="22" eb="25">
      <t>ホアンカ</t>
    </rPh>
    <rPh sb="26" eb="29">
      <t>ジドウシャ</t>
    </rPh>
    <rPh sb="29" eb="31">
      <t>カンキョウ</t>
    </rPh>
    <rPh sb="31" eb="32">
      <t>カ</t>
    </rPh>
    <phoneticPr fontId="3"/>
  </si>
  <si>
    <t>うち２日間</t>
    <rPh sb="3" eb="4">
      <t>ニチ</t>
    </rPh>
    <rPh sb="4" eb="5">
      <t>アイダ</t>
    </rPh>
    <phoneticPr fontId="4"/>
  </si>
  <si>
    <t>本庁舎他</t>
    <rPh sb="0" eb="2">
      <t>ホンチョウ</t>
    </rPh>
    <rPh sb="2" eb="3">
      <t>シャ</t>
    </rPh>
    <rPh sb="3" eb="4">
      <t>ホカ</t>
    </rPh>
    <phoneticPr fontId="4"/>
  </si>
  <si>
    <t>大気保全業務/化学物質対策業務/産業保安業務/自動車環境対策業務</t>
  </si>
  <si>
    <t>環境</t>
  </si>
  <si>
    <t>環境局</t>
  </si>
  <si>
    <t>環境検査</t>
  </si>
  <si>
    <t>多摩環境事務所
*出張あり</t>
    <phoneticPr fontId="4"/>
  </si>
  <si>
    <t>火薬規制業務（9/12）、水質監視業務（9/13）</t>
    <rPh sb="0" eb="2">
      <t>カヤク</t>
    </rPh>
    <rPh sb="2" eb="4">
      <t>キセイ</t>
    </rPh>
    <rPh sb="4" eb="6">
      <t>ギョウム</t>
    </rPh>
    <phoneticPr fontId="4"/>
  </si>
  <si>
    <t>9月12日午前は児童相談センターでガイダンス受講
一時保護中の子供の生活支援</t>
    <phoneticPr fontId="4"/>
  </si>
  <si>
    <t>9月12日午前は児童相談センターでガイダンス受講
一時保護中の児童の生活支援、学習指導等の補助</t>
    <rPh sb="31" eb="33">
      <t>ジドウ</t>
    </rPh>
    <phoneticPr fontId="4"/>
  </si>
  <si>
    <t>・心身ともに健康な方
・北区に在住の方は受入できません。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
・できるだけ、将来児童福祉分野に就職を希望している学生の受け入れを希望します。</t>
    <rPh sb="1" eb="3">
      <t>シンシン</t>
    </rPh>
    <rPh sb="6" eb="8">
      <t>ケンコウ</t>
    </rPh>
    <rPh sb="9" eb="10">
      <t>カタ</t>
    </rPh>
    <rPh sb="12" eb="14">
      <t>キタク</t>
    </rPh>
    <rPh sb="15" eb="17">
      <t>ザイジュウ</t>
    </rPh>
    <rPh sb="18" eb="19">
      <t>カタ</t>
    </rPh>
    <rPh sb="20" eb="22">
      <t>ウケイレ</t>
    </rPh>
    <rPh sb="63" eb="65">
      <t>コジン</t>
    </rPh>
    <rPh sb="65" eb="67">
      <t>ジョウホウ</t>
    </rPh>
    <rPh sb="67" eb="69">
      <t>ホゴ</t>
    </rPh>
    <rPh sb="69" eb="70">
      <t>ナド</t>
    </rPh>
    <rPh sb="71" eb="73">
      <t>カンテン</t>
    </rPh>
    <rPh sb="75" eb="77">
      <t>ジッシュウ</t>
    </rPh>
    <rPh sb="77" eb="79">
      <t>ケイゾク</t>
    </rPh>
    <rPh sb="80" eb="82">
      <t>シショウ</t>
    </rPh>
    <rPh sb="86" eb="88">
      <t>ジドウ</t>
    </rPh>
    <rPh sb="88" eb="90">
      <t>ソウダン</t>
    </rPh>
    <rPh sb="90" eb="91">
      <t>ショ</t>
    </rPh>
    <rPh sb="92" eb="94">
      <t>ハンダン</t>
    </rPh>
    <rPh sb="96" eb="98">
      <t>バアイ</t>
    </rPh>
    <rPh sb="100" eb="102">
      <t>ジッシュウ</t>
    </rPh>
    <rPh sb="103" eb="105">
      <t>チュウダン</t>
    </rPh>
    <rPh sb="112" eb="114">
      <t>バアイ</t>
    </rPh>
    <rPh sb="154" eb="156">
      <t>ショウライ</t>
    </rPh>
    <rPh sb="156" eb="158">
      <t>ジドウ</t>
    </rPh>
    <rPh sb="158" eb="160">
      <t>フクシ</t>
    </rPh>
    <rPh sb="160" eb="162">
      <t>ブンヤ</t>
    </rPh>
    <rPh sb="163" eb="165">
      <t>シュウショク</t>
    </rPh>
    <rPh sb="166" eb="168">
      <t>キボウ</t>
    </rPh>
    <rPh sb="172" eb="174">
      <t>ガクセイ</t>
    </rPh>
    <rPh sb="175" eb="176">
      <t>ウ</t>
    </rPh>
    <rPh sb="177" eb="178">
      <t>イ</t>
    </rPh>
    <rPh sb="180" eb="182">
      <t>キボウ</t>
    </rPh>
    <phoneticPr fontId="4"/>
  </si>
  <si>
    <t xml:space="preserve">東京都健康安全研究センター
・9/11～15：
東京都新宿区百人町3-24-1
</t>
    <phoneticPr fontId="4"/>
  </si>
  <si>
    <t>多摩環境事務所
管理課
環境改善課</t>
    <rPh sb="8" eb="10">
      <t>カンリ</t>
    </rPh>
    <rPh sb="10" eb="11">
      <t>カ</t>
    </rPh>
    <phoneticPr fontId="4"/>
  </si>
  <si>
    <t>都庁インターンシップ2023実習部署一覧 【詳細版_専門職:第2ターム】</t>
    <rPh sb="0" eb="1">
      <t>ト</t>
    </rPh>
    <rPh sb="1" eb="2">
      <t>チョウ</t>
    </rPh>
    <rPh sb="18" eb="20">
      <t>イチラン</t>
    </rPh>
    <rPh sb="22" eb="24">
      <t>ショウサイ</t>
    </rPh>
    <rPh sb="24" eb="25">
      <t>バン</t>
    </rPh>
    <rPh sb="26" eb="28">
      <t>センモン</t>
    </rPh>
    <rPh sb="28" eb="29">
      <t>ショク</t>
    </rPh>
    <rPh sb="30" eb="31">
      <t>ダ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m/d;@"/>
    <numFmt numFmtId="177" formatCode="0_);[Red]\(0\)"/>
    <numFmt numFmtId="178" formatCode="000"/>
    <numFmt numFmtId="179" formatCode="h:mm;@"/>
  </numFmts>
  <fonts count="13" x14ac:knownFonts="1">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6"/>
      <name val="ＭＳ Ｐゴシック"/>
      <family val="2"/>
      <charset val="128"/>
      <scheme val="minor"/>
    </font>
    <font>
      <sz val="9"/>
      <name val="ＭＳ Ｐゴシック"/>
      <family val="3"/>
      <charset val="128"/>
    </font>
    <font>
      <sz val="11"/>
      <color theme="1"/>
      <name val="ＭＳ Ｐゴシック"/>
      <family val="2"/>
      <scheme val="minor"/>
    </font>
    <font>
      <sz val="18"/>
      <name val="メイリオ"/>
      <family val="3"/>
      <charset val="128"/>
    </font>
    <font>
      <sz val="11"/>
      <color theme="1"/>
      <name val="メイリオ"/>
      <family val="3"/>
      <charset val="128"/>
    </font>
    <font>
      <sz val="9"/>
      <name val="メイリオ"/>
      <family val="3"/>
      <charset val="128"/>
    </font>
    <font>
      <sz val="9"/>
      <color theme="1"/>
      <name val="メイリオ"/>
      <family val="3"/>
      <charset val="128"/>
    </font>
    <font>
      <sz val="8"/>
      <name val="メイリオ"/>
      <family val="3"/>
      <charset val="128"/>
    </font>
    <font>
      <b/>
      <sz val="9"/>
      <name val="メイリオ"/>
      <family val="3"/>
      <charset val="128"/>
    </font>
  </fonts>
  <fills count="4">
    <fill>
      <patternFill patternType="none"/>
    </fill>
    <fill>
      <patternFill patternType="gray125"/>
    </fill>
    <fill>
      <patternFill patternType="solid">
        <fgColor indexed="41"/>
        <bgColor indexed="64"/>
      </patternFill>
    </fill>
    <fill>
      <patternFill patternType="solid">
        <fgColor theme="0"/>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s>
  <cellStyleXfs count="4">
    <xf numFmtId="0" fontId="0" fillId="0" borderId="0">
      <alignment vertical="center"/>
    </xf>
    <xf numFmtId="0" fontId="2" fillId="0" borderId="0">
      <alignment vertical="center"/>
    </xf>
    <xf numFmtId="0" fontId="1" fillId="0" borderId="0">
      <alignment vertical="center"/>
    </xf>
    <xf numFmtId="0" fontId="6" fillId="0" borderId="0"/>
  </cellStyleXfs>
  <cellXfs count="98">
    <xf numFmtId="0" fontId="0" fillId="0" borderId="0" xfId="0">
      <alignment vertical="center"/>
    </xf>
    <xf numFmtId="0" fontId="8" fillId="0" borderId="0" xfId="0" applyFont="1">
      <alignment vertical="center"/>
    </xf>
    <xf numFmtId="0" fontId="9" fillId="2" borderId="1" xfId="1" applyNumberFormat="1" applyFont="1" applyFill="1" applyBorder="1" applyAlignment="1">
      <alignment horizontal="center" vertical="center" shrinkToFit="1"/>
    </xf>
    <xf numFmtId="0" fontId="9" fillId="2" borderId="1" xfId="1" applyFont="1" applyFill="1" applyBorder="1" applyAlignment="1">
      <alignment horizontal="center" vertical="center"/>
    </xf>
    <xf numFmtId="0" fontId="9" fillId="2" borderId="1" xfId="1" applyFont="1" applyFill="1" applyBorder="1" applyAlignment="1">
      <alignment horizontal="center" vertical="center" shrinkToFit="1"/>
    </xf>
    <xf numFmtId="0" fontId="9" fillId="2" borderId="1" xfId="1" applyNumberFormat="1" applyFont="1" applyFill="1" applyBorder="1" applyAlignment="1">
      <alignment horizontal="center" vertical="center" wrapText="1" shrinkToFit="1"/>
    </xf>
    <xf numFmtId="177" fontId="9" fillId="2" borderId="1" xfId="1" applyNumberFormat="1" applyFont="1" applyFill="1" applyBorder="1" applyAlignment="1">
      <alignment horizontal="center" vertical="center" shrinkToFit="1"/>
    </xf>
    <xf numFmtId="176" fontId="9" fillId="2" borderId="1" xfId="1" applyNumberFormat="1" applyFont="1" applyFill="1" applyBorder="1" applyAlignment="1">
      <alignment horizontal="center" vertical="center" shrinkToFit="1"/>
    </xf>
    <xf numFmtId="178" fontId="9" fillId="0" borderId="1" xfId="0" applyNumberFormat="1" applyFont="1" applyFill="1" applyBorder="1" applyAlignment="1">
      <alignment horizontal="center" vertical="center"/>
    </xf>
    <xf numFmtId="0" fontId="9" fillId="0" borderId="1" xfId="0" applyFont="1" applyFill="1" applyBorder="1" applyAlignment="1">
      <alignment horizontal="center" vertical="center" shrinkToFit="1"/>
    </xf>
    <xf numFmtId="0" fontId="9" fillId="0" borderId="1" xfId="0" applyFont="1" applyFill="1" applyBorder="1" applyAlignment="1">
      <alignment horizontal="left" vertical="center" wrapText="1"/>
    </xf>
    <xf numFmtId="0" fontId="9" fillId="0" borderId="1" xfId="0" applyFont="1" applyFill="1" applyBorder="1" applyAlignment="1">
      <alignment horizontal="center" vertical="center"/>
    </xf>
    <xf numFmtId="0" fontId="9" fillId="0" borderId="1" xfId="0" applyFont="1" applyFill="1" applyBorder="1" applyAlignment="1">
      <alignment horizontal="center" vertical="center" wrapText="1"/>
    </xf>
    <xf numFmtId="0" fontId="9" fillId="0" borderId="1" xfId="0" applyNumberFormat="1" applyFont="1" applyFill="1" applyBorder="1" applyAlignment="1">
      <alignment horizontal="center" vertical="center"/>
    </xf>
    <xf numFmtId="176" fontId="9" fillId="0" borderId="4" xfId="0" applyNumberFormat="1" applyFont="1" applyFill="1" applyBorder="1" applyAlignment="1">
      <alignment horizontal="center" vertical="center"/>
    </xf>
    <xf numFmtId="176" fontId="9" fillId="0" borderId="2" xfId="0" applyNumberFormat="1" applyFont="1" applyFill="1" applyBorder="1" applyAlignment="1">
      <alignment horizontal="center" vertical="center" wrapText="1"/>
    </xf>
    <xf numFmtId="49" fontId="9" fillId="0" borderId="2" xfId="0" applyNumberFormat="1" applyFont="1" applyFill="1" applyBorder="1" applyAlignment="1">
      <alignment horizontal="center" vertical="center"/>
    </xf>
    <xf numFmtId="176" fontId="9" fillId="0" borderId="2" xfId="0" applyNumberFormat="1" applyFont="1" applyFill="1" applyBorder="1" applyAlignment="1">
      <alignment horizontal="center" vertical="center"/>
    </xf>
    <xf numFmtId="177" fontId="9" fillId="0" borderId="1" xfId="0" applyNumberFormat="1" applyFont="1" applyFill="1" applyBorder="1" applyAlignment="1">
      <alignment horizontal="center" vertical="center"/>
    </xf>
    <xf numFmtId="177" fontId="9" fillId="0" borderId="4" xfId="0" applyNumberFormat="1" applyFont="1" applyFill="1" applyBorder="1" applyAlignment="1">
      <alignment horizontal="center" vertical="center" wrapText="1"/>
    </xf>
    <xf numFmtId="177" fontId="9" fillId="0" borderId="2" xfId="0" applyNumberFormat="1" applyFont="1" applyFill="1" applyBorder="1" applyAlignment="1">
      <alignment horizontal="center" vertical="center"/>
    </xf>
    <xf numFmtId="179" fontId="9" fillId="0" borderId="3" xfId="0" applyNumberFormat="1" applyFont="1" applyFill="1" applyBorder="1" applyAlignment="1">
      <alignment horizontal="left" vertical="center" wrapText="1"/>
    </xf>
    <xf numFmtId="177" fontId="9" fillId="0" borderId="4" xfId="0" applyNumberFormat="1" applyFont="1" applyFill="1" applyBorder="1" applyAlignment="1">
      <alignment horizontal="center" vertical="center"/>
    </xf>
    <xf numFmtId="0" fontId="9" fillId="0" borderId="1" xfId="0" applyFont="1" applyBorder="1" applyAlignment="1">
      <alignment horizontal="center" vertical="center"/>
    </xf>
    <xf numFmtId="0" fontId="8" fillId="0" borderId="0" xfId="0" applyNumberFormat="1" applyFont="1">
      <alignment vertical="center"/>
    </xf>
    <xf numFmtId="0" fontId="10" fillId="0" borderId="0" xfId="0" applyFont="1" applyAlignment="1">
      <alignment horizontal="center" vertical="center"/>
    </xf>
    <xf numFmtId="0" fontId="8" fillId="0" borderId="0" xfId="0" applyFont="1" applyFill="1" applyAlignment="1">
      <alignment horizontal="center" vertical="center"/>
    </xf>
    <xf numFmtId="0" fontId="8" fillId="0" borderId="0" xfId="0" applyFont="1" applyAlignment="1">
      <alignment horizontal="center" vertical="center"/>
    </xf>
    <xf numFmtId="0" fontId="10" fillId="0" borderId="2" xfId="0" applyFont="1" applyBorder="1" applyAlignment="1">
      <alignment horizontal="center" vertical="center"/>
    </xf>
    <xf numFmtId="0" fontId="9" fillId="0" borderId="2" xfId="0" applyFont="1" applyFill="1" applyBorder="1">
      <alignment vertical="center"/>
    </xf>
    <xf numFmtId="177" fontId="9" fillId="0" borderId="1" xfId="0" applyNumberFormat="1" applyFont="1" applyBorder="1" applyAlignment="1">
      <alignment horizontal="center" vertical="center"/>
    </xf>
    <xf numFmtId="179" fontId="8" fillId="0" borderId="0" xfId="0" applyNumberFormat="1" applyFont="1" applyAlignment="1">
      <alignment horizontal="center" vertical="center"/>
    </xf>
    <xf numFmtId="0" fontId="8" fillId="0" borderId="0" xfId="0" applyFont="1" applyAlignment="1">
      <alignment horizontal="left" vertical="center"/>
    </xf>
    <xf numFmtId="49" fontId="9" fillId="0" borderId="3" xfId="0" applyNumberFormat="1" applyFont="1" applyFill="1" applyBorder="1" applyAlignment="1">
      <alignment horizontal="left" vertical="center" wrapText="1"/>
    </xf>
    <xf numFmtId="49" fontId="9" fillId="2" borderId="3" xfId="1" applyNumberFormat="1" applyFont="1" applyFill="1" applyBorder="1" applyAlignment="1">
      <alignment horizontal="center" vertical="center" wrapText="1" shrinkToFit="1"/>
    </xf>
    <xf numFmtId="49" fontId="8" fillId="0" borderId="0" xfId="0" applyNumberFormat="1" applyFont="1" applyAlignment="1">
      <alignment horizontal="left" vertical="center" wrapText="1"/>
    </xf>
    <xf numFmtId="176" fontId="11" fillId="2" borderId="1" xfId="1" applyNumberFormat="1" applyFont="1" applyFill="1" applyBorder="1" applyAlignment="1">
      <alignment horizontal="center" vertical="center" wrapText="1" shrinkToFit="1"/>
    </xf>
    <xf numFmtId="177" fontId="9" fillId="2" borderId="4" xfId="1" applyNumberFormat="1" applyFont="1" applyFill="1" applyBorder="1" applyAlignment="1">
      <alignment horizontal="center" vertical="center" shrinkToFit="1"/>
    </xf>
    <xf numFmtId="177" fontId="9" fillId="2" borderId="3" xfId="1" applyNumberFormat="1" applyFont="1" applyFill="1" applyBorder="1" applyAlignment="1">
      <alignment horizontal="center" vertical="center" shrinkToFit="1"/>
    </xf>
    <xf numFmtId="176" fontId="9" fillId="2" borderId="2" xfId="1" applyNumberFormat="1" applyFont="1" applyFill="1" applyBorder="1" applyAlignment="1">
      <alignment horizontal="center" vertical="center" shrinkToFit="1"/>
    </xf>
    <xf numFmtId="0" fontId="9" fillId="0" borderId="1" xfId="0" applyFont="1" applyFill="1" applyBorder="1" applyAlignment="1">
      <alignment vertical="center" wrapText="1"/>
    </xf>
    <xf numFmtId="176" fontId="9" fillId="0" borderId="5" xfId="0" applyNumberFormat="1" applyFont="1" applyFill="1" applyBorder="1" applyAlignment="1">
      <alignment horizontal="center" vertical="center" wrapText="1"/>
    </xf>
    <xf numFmtId="49" fontId="9" fillId="0" borderId="1" xfId="0" applyNumberFormat="1" applyFont="1" applyFill="1" applyBorder="1" applyAlignment="1">
      <alignment horizontal="center" vertical="center" wrapText="1"/>
    </xf>
    <xf numFmtId="178" fontId="9" fillId="0" borderId="1" xfId="0" applyNumberFormat="1" applyFont="1" applyBorder="1" applyAlignment="1">
      <alignment horizontal="center" vertical="center"/>
    </xf>
    <xf numFmtId="0" fontId="9" fillId="0" borderId="1" xfId="0" applyFont="1" applyBorder="1" applyAlignment="1">
      <alignment horizontal="center" vertical="center" shrinkToFit="1"/>
    </xf>
    <xf numFmtId="0" fontId="9" fillId="0" borderId="1" xfId="0" applyFont="1" applyBorder="1" applyAlignment="1">
      <alignment horizontal="left" vertical="center" wrapText="1"/>
    </xf>
    <xf numFmtId="0" fontId="9" fillId="0" borderId="1" xfId="0" applyFont="1" applyBorder="1" applyAlignment="1">
      <alignment horizontal="center" vertical="center" wrapText="1"/>
    </xf>
    <xf numFmtId="176" fontId="9" fillId="0" borderId="4" xfId="0" applyNumberFormat="1" applyFont="1" applyBorder="1" applyAlignment="1">
      <alignment horizontal="center" vertical="center"/>
    </xf>
    <xf numFmtId="176" fontId="9" fillId="0" borderId="2" xfId="0" applyNumberFormat="1" applyFont="1" applyBorder="1" applyAlignment="1">
      <alignment horizontal="center" vertical="center" wrapText="1"/>
    </xf>
    <xf numFmtId="49" fontId="9" fillId="0" borderId="2" xfId="0" applyNumberFormat="1" applyFont="1" applyBorder="1" applyAlignment="1">
      <alignment horizontal="center" vertical="center"/>
    </xf>
    <xf numFmtId="176" fontId="9" fillId="0" borderId="2" xfId="0" applyNumberFormat="1" applyFont="1" applyBorder="1" applyAlignment="1">
      <alignment horizontal="center" vertical="center"/>
    </xf>
    <xf numFmtId="176" fontId="9" fillId="0" borderId="3" xfId="0" applyNumberFormat="1" applyFont="1" applyBorder="1" applyAlignment="1">
      <alignment horizontal="center" vertical="center" wrapText="1"/>
    </xf>
    <xf numFmtId="177" fontId="9" fillId="0" borderId="4" xfId="0" applyNumberFormat="1" applyFont="1" applyBorder="1" applyAlignment="1">
      <alignment horizontal="center" vertical="center"/>
    </xf>
    <xf numFmtId="179" fontId="9" fillId="0" borderId="4" xfId="0" applyNumberFormat="1" applyFont="1" applyBorder="1" applyAlignment="1">
      <alignment horizontal="center" vertical="center"/>
    </xf>
    <xf numFmtId="177" fontId="9" fillId="0" borderId="2" xfId="0" applyNumberFormat="1" applyFont="1" applyBorder="1" applyAlignment="1">
      <alignment horizontal="center" vertical="center"/>
    </xf>
    <xf numFmtId="179" fontId="9" fillId="0" borderId="3" xfId="0" applyNumberFormat="1" applyFont="1" applyBorder="1" applyAlignment="1">
      <alignment horizontal="center" vertical="center"/>
    </xf>
    <xf numFmtId="49" fontId="9" fillId="0" borderId="3" xfId="0" applyNumberFormat="1" applyFont="1" applyBorder="1" applyAlignment="1">
      <alignment horizontal="left" vertical="center" wrapText="1"/>
    </xf>
    <xf numFmtId="20" fontId="9" fillId="0" borderId="4" xfId="0" applyNumberFormat="1" applyFont="1" applyFill="1" applyBorder="1" applyAlignment="1">
      <alignment horizontal="center" vertical="center"/>
    </xf>
    <xf numFmtId="56" fontId="9" fillId="0" borderId="1" xfId="0" applyNumberFormat="1" applyFont="1" applyFill="1" applyBorder="1" applyAlignment="1">
      <alignment horizontal="center" vertical="center" wrapText="1"/>
    </xf>
    <xf numFmtId="179" fontId="9" fillId="3" borderId="4" xfId="0" applyNumberFormat="1" applyFont="1" applyFill="1" applyBorder="1" applyAlignment="1">
      <alignment horizontal="center" vertical="center"/>
    </xf>
    <xf numFmtId="177" fontId="9" fillId="3" borderId="2" xfId="0" applyNumberFormat="1" applyFont="1" applyFill="1" applyBorder="1" applyAlignment="1">
      <alignment horizontal="center" vertical="center"/>
    </xf>
    <xf numFmtId="179" fontId="9" fillId="3" borderId="3" xfId="0" applyNumberFormat="1" applyFont="1" applyFill="1" applyBorder="1" applyAlignment="1">
      <alignment horizontal="center" vertical="center"/>
    </xf>
    <xf numFmtId="0" fontId="9" fillId="3" borderId="1" xfId="0" applyFont="1" applyFill="1" applyBorder="1" applyAlignment="1">
      <alignment horizontal="center" vertical="center"/>
    </xf>
    <xf numFmtId="0" fontId="9" fillId="3" borderId="1" xfId="0" applyFont="1" applyFill="1" applyBorder="1" applyAlignment="1">
      <alignment horizontal="center" vertical="center" shrinkToFit="1"/>
    </xf>
    <xf numFmtId="176" fontId="9" fillId="3" borderId="4" xfId="0" applyNumberFormat="1" applyFont="1" applyFill="1" applyBorder="1" applyAlignment="1">
      <alignment horizontal="center" vertical="center"/>
    </xf>
    <xf numFmtId="49" fontId="9" fillId="3" borderId="2" xfId="0" applyNumberFormat="1" applyFont="1" applyFill="1" applyBorder="1" applyAlignment="1">
      <alignment horizontal="center" vertical="center"/>
    </xf>
    <xf numFmtId="176" fontId="9" fillId="3" borderId="2" xfId="0" applyNumberFormat="1" applyFont="1" applyFill="1" applyBorder="1" applyAlignment="1">
      <alignment horizontal="center" vertical="center"/>
    </xf>
    <xf numFmtId="0" fontId="9" fillId="3" borderId="1" xfId="0" applyFont="1" applyFill="1" applyBorder="1" applyAlignment="1">
      <alignment horizontal="center" vertical="center" wrapText="1"/>
    </xf>
    <xf numFmtId="179" fontId="9" fillId="0" borderId="4" xfId="0" applyNumberFormat="1" applyFont="1" applyFill="1" applyBorder="1" applyAlignment="1">
      <alignment horizontal="center" vertical="center"/>
    </xf>
    <xf numFmtId="179" fontId="9" fillId="0" borderId="3" xfId="0" applyNumberFormat="1" applyFont="1" applyFill="1" applyBorder="1" applyAlignment="1">
      <alignment horizontal="center" vertical="center"/>
    </xf>
    <xf numFmtId="176" fontId="9" fillId="0" borderId="6" xfId="0" applyNumberFormat="1" applyFont="1" applyFill="1" applyBorder="1" applyAlignment="1">
      <alignment horizontal="center" vertical="center"/>
    </xf>
    <xf numFmtId="179" fontId="9" fillId="0" borderId="6" xfId="0" applyNumberFormat="1" applyFont="1" applyFill="1" applyBorder="1" applyAlignment="1">
      <alignment horizontal="center" vertical="center"/>
    </xf>
    <xf numFmtId="177" fontId="9" fillId="0" borderId="5" xfId="0" applyNumberFormat="1" applyFont="1" applyFill="1" applyBorder="1" applyAlignment="1">
      <alignment horizontal="center" vertical="center"/>
    </xf>
    <xf numFmtId="179" fontId="9" fillId="0" borderId="7" xfId="0" applyNumberFormat="1" applyFont="1" applyFill="1" applyBorder="1" applyAlignment="1">
      <alignment horizontal="center" vertical="center"/>
    </xf>
    <xf numFmtId="178" fontId="9" fillId="3" borderId="1" xfId="0" applyNumberFormat="1" applyFont="1" applyFill="1" applyBorder="1" applyAlignment="1">
      <alignment horizontal="center" vertical="center"/>
    </xf>
    <xf numFmtId="176" fontId="9" fillId="3" borderId="2" xfId="0" applyNumberFormat="1" applyFont="1" applyFill="1" applyBorder="1" applyAlignment="1">
      <alignment horizontal="center" vertical="center" wrapText="1"/>
    </xf>
    <xf numFmtId="176" fontId="9" fillId="3" borderId="3" xfId="0" applyNumberFormat="1" applyFont="1" applyFill="1" applyBorder="1" applyAlignment="1">
      <alignment horizontal="center" vertical="center" wrapText="1"/>
    </xf>
    <xf numFmtId="177" fontId="9" fillId="3" borderId="1" xfId="0" applyNumberFormat="1" applyFont="1" applyFill="1" applyBorder="1" applyAlignment="1">
      <alignment horizontal="center" vertical="center"/>
    </xf>
    <xf numFmtId="177" fontId="9" fillId="3" borderId="4" xfId="0" applyNumberFormat="1" applyFont="1" applyFill="1" applyBorder="1" applyAlignment="1">
      <alignment horizontal="center" vertical="center" wrapText="1"/>
    </xf>
    <xf numFmtId="0" fontId="9" fillId="3" borderId="1" xfId="0" applyFont="1" applyFill="1" applyBorder="1" applyAlignment="1">
      <alignment vertical="center" wrapText="1"/>
    </xf>
    <xf numFmtId="177" fontId="9" fillId="3" borderId="4" xfId="0" applyNumberFormat="1" applyFont="1" applyFill="1" applyBorder="1" applyAlignment="1">
      <alignment horizontal="center" vertical="center"/>
    </xf>
    <xf numFmtId="49" fontId="9" fillId="3" borderId="1" xfId="0" applyNumberFormat="1" applyFont="1" applyFill="1" applyBorder="1" applyAlignment="1">
      <alignment horizontal="center" vertical="center" wrapText="1"/>
    </xf>
    <xf numFmtId="0" fontId="9" fillId="3" borderId="1" xfId="0" applyFont="1" applyFill="1" applyBorder="1" applyAlignment="1">
      <alignment horizontal="left" vertical="center" shrinkToFit="1"/>
    </xf>
    <xf numFmtId="179" fontId="9" fillId="0" borderId="4" xfId="0" applyNumberFormat="1" applyFont="1" applyFill="1" applyBorder="1" applyAlignment="1">
      <alignment horizontal="center" vertical="center"/>
    </xf>
    <xf numFmtId="179" fontId="9" fillId="0" borderId="3" xfId="0" applyNumberFormat="1" applyFont="1" applyFill="1" applyBorder="1" applyAlignment="1">
      <alignment horizontal="center" vertical="center"/>
    </xf>
    <xf numFmtId="0" fontId="9" fillId="3" borderId="1" xfId="0" applyFont="1" applyFill="1" applyBorder="1" applyAlignment="1">
      <alignment horizontal="left" vertical="center" wrapText="1"/>
    </xf>
    <xf numFmtId="179" fontId="9" fillId="3" borderId="1" xfId="0" applyNumberFormat="1" applyFont="1" applyFill="1" applyBorder="1" applyAlignment="1">
      <alignment horizontal="center" vertical="center"/>
    </xf>
    <xf numFmtId="176" fontId="9" fillId="0" borderId="5" xfId="0" applyNumberFormat="1" applyFont="1" applyFill="1" applyBorder="1" applyAlignment="1">
      <alignment horizontal="center" vertical="center"/>
    </xf>
    <xf numFmtId="49" fontId="7" fillId="0" borderId="0" xfId="1" applyNumberFormat="1" applyFont="1" applyBorder="1" applyAlignment="1">
      <alignment horizontal="center" vertical="center"/>
    </xf>
    <xf numFmtId="177" fontId="9" fillId="2" borderId="4" xfId="1" applyNumberFormat="1" applyFont="1" applyFill="1" applyBorder="1" applyAlignment="1">
      <alignment horizontal="center" vertical="center" shrinkToFit="1"/>
    </xf>
    <xf numFmtId="177" fontId="9" fillId="2" borderId="2" xfId="1" applyNumberFormat="1" applyFont="1" applyFill="1" applyBorder="1" applyAlignment="1">
      <alignment horizontal="center" vertical="center" shrinkToFit="1"/>
    </xf>
    <xf numFmtId="177" fontId="9" fillId="2" borderId="3" xfId="1" applyNumberFormat="1" applyFont="1" applyFill="1" applyBorder="1" applyAlignment="1">
      <alignment horizontal="center" vertical="center" shrinkToFit="1"/>
    </xf>
    <xf numFmtId="176" fontId="9" fillId="2" borderId="4" xfId="1" applyNumberFormat="1" applyFont="1" applyFill="1" applyBorder="1" applyAlignment="1">
      <alignment horizontal="center" vertical="center" shrinkToFit="1"/>
    </xf>
    <xf numFmtId="176" fontId="9" fillId="2" borderId="2" xfId="1" applyNumberFormat="1" applyFont="1" applyFill="1" applyBorder="1" applyAlignment="1">
      <alignment horizontal="center" vertical="center" shrinkToFit="1"/>
    </xf>
    <xf numFmtId="176" fontId="9" fillId="2" borderId="3" xfId="1" applyNumberFormat="1" applyFont="1" applyFill="1" applyBorder="1" applyAlignment="1">
      <alignment horizontal="center" vertical="center" shrinkToFit="1"/>
    </xf>
    <xf numFmtId="179" fontId="9" fillId="0" borderId="4" xfId="0" applyNumberFormat="1" applyFont="1" applyFill="1" applyBorder="1" applyAlignment="1">
      <alignment horizontal="center" vertical="center"/>
    </xf>
    <xf numFmtId="179" fontId="9" fillId="0" borderId="2" xfId="0" applyNumberFormat="1" applyFont="1" applyFill="1" applyBorder="1" applyAlignment="1">
      <alignment horizontal="center" vertical="center"/>
    </xf>
    <xf numFmtId="179" fontId="9" fillId="0" borderId="3" xfId="0" applyNumberFormat="1" applyFont="1" applyFill="1" applyBorder="1" applyAlignment="1">
      <alignment horizontal="center" vertical="center"/>
    </xf>
  </cellXfs>
  <cellStyles count="4">
    <cellStyle name="標準" xfId="0" builtinId="0"/>
    <cellStyle name="標準 2" xfId="2" xr:uid="{00000000-0005-0000-0000-000001000000}"/>
    <cellStyle name="標準 3" xfId="1" xr:uid="{00000000-0005-0000-0000-000002000000}"/>
    <cellStyle name="標準 4" xfId="3" xr:uid="{00000000-0005-0000-0000-000003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 Type="http://schemas.openxmlformats.org/officeDocument/2006/relationships/externalLink" Target="externalLinks/externalLink2.xml"/><Relationship Id="rId21" Type="http://schemas.openxmlformats.org/officeDocument/2006/relationships/theme" Target="theme/theme1.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calcChain" Target="calcChain.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sharedStrings" Target="sharedStrings.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24.247.10\&#32887;&#21729;&#35506;\&#20154;&#20107;&#20418;\&#20154;&#20107;&#20418;\3100_&#12452;&#12531;&#12479;&#12540;&#12531;&#12471;&#12483;&#12503;\&#37117;&#24193;&#12452;&#12531;&#12479;&#12540;&#12531;&#12471;&#12483;&#12503;\R05&#24180;&#24230;\04%20&#21508;&#37096;&#12363;&#12425;\09&#38556;&#23475;\&#12304;&#38556;&#23475;&#37096;&#12305;03_&#37117;&#24193;&#12452;&#12531;&#12479;&#12540;&#12531;&#12471;&#12483;&#12503;2023&#23455;&#32722;&#37096;&#32626;&#35519;&#26619;&#31080;.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21_&#25945;&#32946;&#24193;&#9675;\&#12304;&#25945;&#32946;&#24193;&#12305;&#65288;&#26657;&#27491;&#30906;&#35469;&#29992;&#65289;&#12304;&#38598;&#32004;&#12305;&#37117;&#24193;&#12452;&#12531;&#12479;&#12540;&#12531;&#12471;&#12483;&#12503;2023&#23455;&#32722;&#37096;&#32626;&#35519;&#26619;&#31080;%20.xlsx" TargetMode="External"/></Relationships>
</file>

<file path=xl/externalLinks/_rels/externalLink11.xml.rels><?xml version="1.0" encoding="UTF-8" standalone="yes"?>
<Relationships xmlns="http://schemas.openxmlformats.org/package/2006/relationships"><Relationship Id="rId1" Type="http://schemas.microsoft.com/office/2006/relationships/xlExternalLinkPath/xlPathMissing" Target="04_&#37117;&#24193;&#12452;&#12531;&#12479;&#12540;&#12531;&#12471;&#12483;&#12503;2023&#23455;&#32722;&#37096;&#32626;&#35519;&#26619;&#31080;_%20(002).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10.224.202.21\&#20154;&#20107;&#20418;\&#65330;&#65301;&#24180;&#24230;\10_&#25505;&#29992;\02&#37117;&#24193;&#12452;&#12531;&#12479;&#12540;&#12531;&#12471;&#12483;&#12503;\04&#21508;&#37096;&#12424;&#12426;\&#65288;&#22810;&#25705;&#29872;&#22659;&#20107;&#21209;&#25152;&#65289;&#12304;&#29872;&#22659;&#23616;&#35352;&#20837;&#29992;&#12305;&#37117;&#24193;&#12452;&#12531;&#12479;&#12540;&#12531;&#12471;&#12483;&#12503;2023&#23455;&#32722;&#37096;&#32626;&#35519;&#26619;&#31080;_.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10.224.202.21\&#20154;&#20107;&#20418;\&#65330;&#65301;&#24180;&#24230;\10_&#25505;&#29992;\02&#37117;&#24193;&#12452;&#12531;&#12479;&#12540;&#12531;&#12471;&#12483;&#12503;\04&#21508;&#37096;&#12424;&#12426;\&#65288;&#33258;&#28982;&#37096;&#65289;&#12304;&#29872;&#22659;&#23616;&#35352;&#20837;&#29992;&#12305;&#37117;&#24193;&#12452;&#12531;&#12479;&#12540;&#12531;&#12471;&#12483;&#12503;2023&#23455;&#32722;&#37096;&#32626;&#35519;&#26619;&#31080;.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10.224.202.21\&#20154;&#20107;&#20418;\&#65330;&#65301;&#24180;&#24230;\10_&#25505;&#29992;\02&#37117;&#24193;&#12452;&#12531;&#12479;&#12540;&#12531;&#12471;&#12483;&#12503;\04&#21508;&#37096;&#12424;&#12426;\03.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gesui.local\fs\20&#26045;&#35373;&#31649;&#29702;&#37096;\2011&#31649;&#29702;&#35506;\01&#24246;&#21209;&#20418;\&#20196;&#21644;5&#24180;&#24230;\05_&#20154;&#20107;&#25285;&#24403;&#65288;&#27231;&#23494;A&#65289;\17_&#12452;&#12531;&#12479;&#12540;&#12531;&#12471;&#12483;&#12503;\01_&#21463;&#20837;&#21487;&#33021;&#32887;&#22580;&#12398;&#35519;&#26619;\04_&#22238;&#31572;\03-1_&#12304;&#31532;&#65297;&#12479;&#12540;&#12512;&#12305;&#37117;&#24193;&#12452;&#12531;&#12479;&#12540;&#12531;&#12471;&#12483;&#12503;2023&#23455;&#32722;&#37096;&#32626;&#35519;&#26619;&#31080;.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gesui.local\fs\20&#26045;&#35373;&#31649;&#29702;&#37096;\2011&#31649;&#29702;&#35506;\01&#24246;&#21209;&#20418;\&#20196;&#21644;5&#24180;&#24230;\05_&#20154;&#20107;&#25285;&#24403;&#65288;&#27231;&#23494;A&#65289;\17_&#12452;&#12531;&#12479;&#12540;&#12531;&#12471;&#12483;&#12503;\01_&#21463;&#20837;&#21487;&#33021;&#32887;&#22580;&#12398;&#35519;&#26619;\03_&#21508;&#35506;&#22238;&#31572;\&#65288;&#31649;&#36335;&#31649;&#29702;&#35506;&#65289;03-1_&#12304;&#31532;&#65297;&#12479;&#12540;&#12512;&#12305;&#37117;&#24193;&#12452;&#12531;&#12479;&#12540;&#12531;&#12471;&#12483;&#12503;2023&#23455;&#32722;&#37096;&#32626;&#35519;&#26619;&#31080;.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9_&#27700;&#36947;&#23616;&#9679;\&#65288;&#26657;&#27491;&#30906;&#35469;&#29992;&#65289;&#12304;&#27700;&#36947;&#23616;&#12305;04_&#37117;&#24193;&#12452;&#12531;&#12479;&#12540;&#12531;&#12471;&#12483;&#12503;2023&#23455;&#32722;&#37096;&#32626;&#35519;&#26619;&#31080;.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3_&#29987;&#21172;&#23616;&#9679;\&#29987;&#21172;&#20462;&#27491;&#65288;&#26657;&#27491;&#30906;&#35469;&#29992;&#65289;&#65288;&#29987;&#21172;&#65289;&#37117;&#24193;&#12452;&#12531;&#12479;&#12540;&#12531;&#12471;&#12483;&#12503;2023&#23455;&#32722;&#37096;&#32626;&#35519;&#26619;&#31080;%20.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doc211.bsv.sanro.tocho.local\12501&#32207;&#21209;&#37096;&#32887;&#21729;&#35506;&#20154;&#20107;&#25285;&#24403;\05_&#25505;&#29992;&#12539;&#36984;&#32771;\&#12452;&#12531;&#12479;&#12540;&#12531;&#12471;&#12483;&#12503;&#21508;&#31278;\&#37117;&#24193;&#12452;&#12531;&#12479;&#12540;&#12531;&#12471;&#12483;&#12503;\&#20196;&#21644;&#65301;&#24180;&#24230;\01%20&#20196;&#21644;&#65301;&#24180;&#24230;&#37117;&#24193;&#12452;&#12531;&#12479;&#12540;&#12531;&#12471;&#12483;&#12503;&#21463;&#20837;&#32887;&#22580;&#12398;&#35373;&#23450;&#31561;&#12395;&#12388;&#12356;&#12390;&#65288;R5.4.6&#65289;\02%20&#21508;&#37096;&#12408;\02_&#12304;01%20&#21830;&#24037;&#37096;&#12305;&#37117;&#24193;&#12452;&#12531;&#12479;&#12540;&#12531;&#12471;&#12483;&#12503;2023&#23455;&#32722;&#37096;&#32626;&#35519;&#26619;&#31080;%2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20843;&#29579;&#23376;_&#37117;&#24193;&#12452;&#12531;&#12479;&#12540;&#12531;&#12471;&#12483;&#12503;2023&#23455;&#32722;&#37096;&#32626;&#35519;&#26619;&#31080;%20.xlsx"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3569;&#23376;_&#37117;&#24193;&#12452;&#12531;&#12479;&#12540;&#12531;&#12471;&#12483;&#12503;2023&#23455;&#32722;&#37096;&#32626;&#35519;&#26619;&#31080;_.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10.224.247.10\&#32887;&#21729;&#35506;\&#20154;&#20107;&#20418;\&#20154;&#20107;&#20418;\3100_&#12452;&#12531;&#12479;&#12540;&#12531;&#12471;&#12483;&#12503;\&#37117;&#24193;&#12452;&#12531;&#12479;&#12540;&#12531;&#12471;&#12483;&#12503;\R05&#24180;&#24230;\04%20&#21508;&#37096;&#12363;&#12425;\05&#20445;&#25919;\&#12304;050418&#22238;&#31572;&#12305;&#37117;&#24193;&#12452;&#12531;&#12479;&#12540;&#12531;&#12471;&#12483;&#12503;2023&#23455;&#32722;&#37096;&#32626;&#35519;&#26619;&#31080;&#65288;&#20445;&#20581;&#25351;&#23566;&#35519;&#25972;&#25285;&#24403;&#65289;%20.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10.226.120.3\&#35336;&#30011;&#35506;\&#20154;&#20107;&#38306;&#20418;\01&#12288;&#20154;&#20107;&#25285;&#24403;&#38306;&#20418;\10&#12288;&#25505;&#29992;\05&#12288;&#8544;B&#12539;&#8544;A&#12539;&#12461;&#12515;&#12522;&#12450;&#27963;&#29992;&#65288;&#20154;&#20107;&#22996;&#21729;&#20250;&#25505;&#29992;&#65289;\11&#12288;&#23455;&#32722;&#29983;&#65288;&#12452;&#12531;&#12479;&#12540;&#12531;&#12471;&#12483;&#12503;&#65289;&#21463;&#20837;&#38306;&#20418;\&#37117;&#24193;&#12452;&#12531;&#12479;&#12540;&#12531;&#12471;&#12483;&#12503;\R5&#24180;&#24230;\03&#12288;&#65288;&#21463;&#20837;&#35519;&#26619;&#65289;&#21508;&#25152;&#22238;&#31572;\03_&#37117;&#24193;&#12452;&#12531;&#12479;&#12540;&#12531;&#12471;&#12483;&#12503;2023&#23455;&#32722;&#37096;&#32626;&#35519;&#26619;&#31080;(&#33833;&#23665;)%20.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12304;&#36275;&#31435;&#20445;&#35703;&#12305;03_&#37117;&#24193;&#12452;&#12531;&#12479;&#12540;&#12531;&#12471;&#12483;&#12503;2023&#23455;&#32722;&#37096;&#32626;&#35519;&#26619;&#31080;%20.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10.226.129.11\&#20581;&#24247;&#23433;&#20840;&#37096;\&#20849;&#26377;&#65298;\2300_&#25505;&#29992;&#38306;&#20418;\2304_&#12452;&#12531;&#12479;&#12540;&#12531;&#12471;&#12483;&#12503;\R5&#12452;&#12531;&#12479;&#12540;&#12531;&#12471;&#12483;&#12503;\01%20&#21463;&#20837;&#32887;&#22580;&#12398;&#35373;&#23450;(&#12294;&#20999;4&#26376;19&#26085;)\R50419%20&#21508;&#35506;&#31561;&#12363;&#12425;\&#20581;&#30740;&#12363;&#12425;(&#30740;&#31350;&#32887;)\03_&#37117;&#24193;&#12452;&#12531;&#12479;&#12540;&#12531;&#12471;&#12483;&#12503;2023&#23455;&#32722;&#37096;&#32626;&#35519;&#26619;&#31080;&#65288;&#39135;&#21697;&#21270;&#23398;&#37096;&#35352;&#20837;&#65289;_.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Users/T0532474/AppData/Local/Microsoft/Windows/INetCache/Content.Outlook/A0XL7G6W/02_&#12304;05%20&#36786;&#26519;&#27700;&#29987;&#37096;&#12305;&#37117;&#24193;&#12452;&#12531;&#12479;&#12540;&#12531;&#12471;&#12483;&#12503;2023&#23455;&#32722;&#37096;&#32626;&#35519;&#26619;&#31080;(&#27700;&#29987;&#35506;&#12539;&#23798;&#12375;&#12423;&#12475;).xlsx" TargetMode="External"/></Relationships>
</file>

<file path=xl/externalLinks/_rels/externalLink9.xml.rels><?xml version="1.0" encoding="UTF-8" standalone="yes"?>
<Relationships xmlns="http://schemas.openxmlformats.org/package/2006/relationships"><Relationship Id="rId1" Type="http://schemas.microsoft.com/office/2006/relationships/xlExternalLinkPath/xlPathMissing" Target="02_&#12304;05%20&#36786;&#26519;&#27700;&#29987;&#37096;&#12305;&#37117;&#24193;&#12452;&#12531;&#12479;&#12540;&#12531;&#12471;&#12483;&#12503;2023&#23455;&#32722;&#37096;&#32626;&#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sheetData sheetId="1"/>
      <sheetData sheetId="2"/>
      <sheetData sheetId="3"/>
      <sheetData sheetId="4"/>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
      <sheetName val="（参考）R4年度 調査票"/>
      <sheetName val="（参考）R4年度プレス 実習一覧"/>
      <sheetName val="（参考）R4年度 事前連絡カード"/>
    </sheetNames>
    <sheetDataSet>
      <sheetData sheetId="0" refreshError="1"/>
      <sheetData sheetId="1" refreshError="1"/>
      <sheetData sheetId="2" refreshError="1"/>
      <sheetData sheetId="3" refreshError="1"/>
      <sheetData sheetId="4"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Y31"/>
  <sheetViews>
    <sheetView tabSelected="1" view="pageBreakPreview" zoomScale="70" zoomScaleNormal="80" zoomScaleSheetLayoutView="70" workbookViewId="0">
      <selection activeCell="AB3" sqref="AB3"/>
    </sheetView>
  </sheetViews>
  <sheetFormatPr defaultColWidth="9" defaultRowHeight="17.399999999999999" x14ac:dyDescent="0.2"/>
  <cols>
    <col min="1" max="1" width="5.77734375" style="26" customWidth="1"/>
    <col min="2" max="2" width="16.21875" style="1" customWidth="1"/>
    <col min="3" max="3" width="16.88671875" style="27" customWidth="1"/>
    <col min="4" max="4" width="18.21875" style="1" customWidth="1"/>
    <col min="5" max="5" width="5.33203125" style="27" customWidth="1"/>
    <col min="6" max="6" width="8.6640625" style="27" customWidth="1"/>
    <col min="7" max="7" width="5.44140625" style="24" customWidth="1"/>
    <col min="8" max="8" width="5.109375" style="27" customWidth="1"/>
    <col min="9" max="9" width="4.33203125" style="25" customWidth="1"/>
    <col min="10" max="10" width="3.44140625" style="27" customWidth="1"/>
    <col min="11" max="11" width="5.44140625" style="27" customWidth="1"/>
    <col min="12" max="12" width="4.33203125" style="25" customWidth="1"/>
    <col min="13" max="13" width="4.88671875" style="1" customWidth="1"/>
    <col min="14" max="14" width="12.77734375" style="27" customWidth="1"/>
    <col min="15" max="15" width="6.33203125" style="31" customWidth="1"/>
    <col min="16" max="16" width="3.33203125" style="27" customWidth="1"/>
    <col min="17" max="17" width="6.33203125" style="31" customWidth="1"/>
    <col min="18" max="18" width="12.44140625" style="1" customWidth="1"/>
    <col min="19" max="19" width="16.109375" style="35" customWidth="1"/>
    <col min="20" max="20" width="37.109375" style="1" customWidth="1"/>
    <col min="21" max="21" width="10.88671875" style="27" customWidth="1"/>
    <col min="22" max="24" width="9.21875" style="27" customWidth="1"/>
    <col min="25" max="25" width="29.6640625" style="32" customWidth="1"/>
    <col min="26" max="16384" width="9" style="1"/>
  </cols>
  <sheetData>
    <row r="1" spans="1:25" ht="37.5" customHeight="1" x14ac:dyDescent="0.2">
      <c r="A1" s="88" t="s">
        <v>195</v>
      </c>
      <c r="B1" s="88"/>
      <c r="C1" s="88"/>
      <c r="D1" s="88"/>
      <c r="E1" s="88"/>
      <c r="F1" s="88"/>
      <c r="G1" s="88"/>
      <c r="H1" s="88"/>
      <c r="I1" s="88"/>
      <c r="J1" s="88"/>
      <c r="K1" s="88"/>
      <c r="L1" s="88"/>
      <c r="M1" s="88"/>
      <c r="N1" s="88"/>
      <c r="O1" s="88"/>
      <c r="P1" s="88"/>
      <c r="Q1" s="88"/>
      <c r="R1" s="88"/>
      <c r="S1" s="88"/>
      <c r="T1" s="88"/>
      <c r="U1" s="88"/>
      <c r="V1" s="88"/>
      <c r="W1" s="88"/>
      <c r="X1" s="88"/>
      <c r="Y1" s="88"/>
    </row>
    <row r="2" spans="1:25" s="28" customFormat="1" ht="32.25" customHeight="1" x14ac:dyDescent="0.2">
      <c r="A2" s="2" t="s">
        <v>0</v>
      </c>
      <c r="B2" s="2" t="s">
        <v>1</v>
      </c>
      <c r="C2" s="3" t="s">
        <v>2</v>
      </c>
      <c r="D2" s="3" t="s">
        <v>3</v>
      </c>
      <c r="E2" s="4" t="s">
        <v>4</v>
      </c>
      <c r="F2" s="4" t="s">
        <v>5</v>
      </c>
      <c r="G2" s="5" t="s">
        <v>6</v>
      </c>
      <c r="H2" s="92" t="s">
        <v>7</v>
      </c>
      <c r="I2" s="93"/>
      <c r="J2" s="39" t="s">
        <v>63</v>
      </c>
      <c r="K2" s="93" t="s">
        <v>8</v>
      </c>
      <c r="L2" s="94"/>
      <c r="M2" s="6" t="s">
        <v>9</v>
      </c>
      <c r="N2" s="37" t="s">
        <v>10</v>
      </c>
      <c r="O2" s="89" t="s">
        <v>39</v>
      </c>
      <c r="P2" s="90"/>
      <c r="Q2" s="91"/>
      <c r="R2" s="38" t="s">
        <v>11</v>
      </c>
      <c r="S2" s="34" t="s">
        <v>12</v>
      </c>
      <c r="T2" s="7" t="s">
        <v>18</v>
      </c>
      <c r="U2" s="7" t="s">
        <v>13</v>
      </c>
      <c r="V2" s="36" t="s">
        <v>33</v>
      </c>
      <c r="W2" s="36" t="s">
        <v>34</v>
      </c>
      <c r="X2" s="36" t="s">
        <v>38</v>
      </c>
      <c r="Y2" s="7" t="s">
        <v>14</v>
      </c>
    </row>
    <row r="3" spans="1:25" s="29" customFormat="1" ht="180" customHeight="1" x14ac:dyDescent="0.2">
      <c r="A3" s="8">
        <v>1</v>
      </c>
      <c r="B3" s="8" t="s">
        <v>70</v>
      </c>
      <c r="C3" s="9" t="s">
        <v>71</v>
      </c>
      <c r="D3" s="10" t="s">
        <v>72</v>
      </c>
      <c r="E3" s="11" t="s">
        <v>21</v>
      </c>
      <c r="F3" s="12" t="s">
        <v>73</v>
      </c>
      <c r="G3" s="13">
        <v>6</v>
      </c>
      <c r="H3" s="14">
        <v>45180</v>
      </c>
      <c r="I3" s="41" t="str">
        <f t="shared" ref="I3:I6" si="0">TEXT($H3,"(aaa)")</f>
        <v>(月)</v>
      </c>
      <c r="J3" s="16" t="s">
        <v>23</v>
      </c>
      <c r="K3" s="17">
        <v>45184</v>
      </c>
      <c r="L3" s="41" t="str">
        <f t="shared" ref="L3:L8" si="1">TEXT($K3,"(aaa)")</f>
        <v>(金)</v>
      </c>
      <c r="M3" s="18">
        <v>4</v>
      </c>
      <c r="N3" s="12" t="s">
        <v>74</v>
      </c>
      <c r="O3" s="68">
        <v>0.375</v>
      </c>
      <c r="P3" s="20" t="s">
        <v>23</v>
      </c>
      <c r="Q3" s="69">
        <v>0.73958333333333337</v>
      </c>
      <c r="R3" s="12" t="s">
        <v>68</v>
      </c>
      <c r="S3" s="12" t="s">
        <v>75</v>
      </c>
      <c r="T3" s="10" t="s">
        <v>76</v>
      </c>
      <c r="U3" s="12" t="s">
        <v>77</v>
      </c>
      <c r="V3" s="11"/>
      <c r="W3" s="11"/>
      <c r="X3" s="11"/>
      <c r="Y3" s="40" t="s">
        <v>78</v>
      </c>
    </row>
    <row r="4" spans="1:25" s="29" customFormat="1" ht="180" customHeight="1" x14ac:dyDescent="0.2">
      <c r="A4" s="8">
        <v>2</v>
      </c>
      <c r="B4" s="8" t="s">
        <v>70</v>
      </c>
      <c r="C4" s="9" t="s">
        <v>71</v>
      </c>
      <c r="D4" s="10" t="s">
        <v>79</v>
      </c>
      <c r="E4" s="11" t="s">
        <v>20</v>
      </c>
      <c r="F4" s="12" t="s">
        <v>80</v>
      </c>
      <c r="G4" s="13">
        <v>1</v>
      </c>
      <c r="H4" s="14">
        <v>45181</v>
      </c>
      <c r="I4" s="41" t="str">
        <f t="shared" si="0"/>
        <v>(火)</v>
      </c>
      <c r="J4" s="16" t="s">
        <v>23</v>
      </c>
      <c r="K4" s="17">
        <v>45182</v>
      </c>
      <c r="L4" s="41" t="str">
        <f t="shared" si="1"/>
        <v>(水)</v>
      </c>
      <c r="M4" s="18">
        <v>2</v>
      </c>
      <c r="N4" s="12" t="s">
        <v>165</v>
      </c>
      <c r="O4" s="68">
        <v>0.375</v>
      </c>
      <c r="P4" s="20" t="s">
        <v>23</v>
      </c>
      <c r="Q4" s="69">
        <v>0.70833333333333337</v>
      </c>
      <c r="R4" s="12" t="s">
        <v>68</v>
      </c>
      <c r="S4" s="12" t="s">
        <v>81</v>
      </c>
      <c r="T4" s="10" t="s">
        <v>190</v>
      </c>
      <c r="U4" s="12" t="s">
        <v>82</v>
      </c>
      <c r="V4" s="11"/>
      <c r="W4" s="11"/>
      <c r="X4" s="11"/>
      <c r="Y4" s="10" t="s">
        <v>83</v>
      </c>
    </row>
    <row r="5" spans="1:25" s="29" customFormat="1" ht="180" customHeight="1" x14ac:dyDescent="0.2">
      <c r="A5" s="8">
        <v>3</v>
      </c>
      <c r="B5" s="8" t="s">
        <v>70</v>
      </c>
      <c r="C5" s="9" t="s">
        <v>71</v>
      </c>
      <c r="D5" s="10" t="s">
        <v>84</v>
      </c>
      <c r="E5" s="11" t="s">
        <v>20</v>
      </c>
      <c r="F5" s="12" t="s">
        <v>80</v>
      </c>
      <c r="G5" s="13">
        <v>1</v>
      </c>
      <c r="H5" s="14">
        <v>45181</v>
      </c>
      <c r="I5" s="41" t="str">
        <f t="shared" si="0"/>
        <v>(火)</v>
      </c>
      <c r="J5" s="16" t="s">
        <v>23</v>
      </c>
      <c r="K5" s="17">
        <v>45182</v>
      </c>
      <c r="L5" s="41" t="str">
        <f t="shared" si="1"/>
        <v>(水)</v>
      </c>
      <c r="M5" s="18">
        <v>2</v>
      </c>
      <c r="N5" s="12" t="s">
        <v>166</v>
      </c>
      <c r="O5" s="68">
        <v>0.35416666666666669</v>
      </c>
      <c r="P5" s="20" t="s">
        <v>23</v>
      </c>
      <c r="Q5" s="69">
        <v>0.71875</v>
      </c>
      <c r="R5" s="12" t="s">
        <v>68</v>
      </c>
      <c r="S5" s="12" t="s">
        <v>81</v>
      </c>
      <c r="T5" s="10" t="s">
        <v>190</v>
      </c>
      <c r="U5" s="12" t="s">
        <v>82</v>
      </c>
      <c r="V5" s="11"/>
      <c r="W5" s="11"/>
      <c r="X5" s="11"/>
      <c r="Y5" s="10" t="s">
        <v>85</v>
      </c>
    </row>
    <row r="6" spans="1:25" s="29" customFormat="1" ht="195.6" customHeight="1" x14ac:dyDescent="0.2">
      <c r="A6" s="8">
        <v>4</v>
      </c>
      <c r="B6" s="8" t="s">
        <v>70</v>
      </c>
      <c r="C6" s="9" t="s">
        <v>71</v>
      </c>
      <c r="D6" s="10" t="s">
        <v>86</v>
      </c>
      <c r="E6" s="11" t="s">
        <v>20</v>
      </c>
      <c r="F6" s="12" t="s">
        <v>80</v>
      </c>
      <c r="G6" s="13">
        <v>2</v>
      </c>
      <c r="H6" s="14">
        <v>45181</v>
      </c>
      <c r="I6" s="41" t="str">
        <f t="shared" si="0"/>
        <v>(火)</v>
      </c>
      <c r="J6" s="16" t="s">
        <v>23</v>
      </c>
      <c r="K6" s="17">
        <v>45182</v>
      </c>
      <c r="L6" s="41" t="str">
        <f t="shared" si="1"/>
        <v>(水)</v>
      </c>
      <c r="M6" s="18">
        <v>2</v>
      </c>
      <c r="N6" s="12" t="s">
        <v>68</v>
      </c>
      <c r="O6" s="68">
        <v>0.375</v>
      </c>
      <c r="P6" s="20" t="s">
        <v>23</v>
      </c>
      <c r="Q6" s="69">
        <v>0.70833333333333337</v>
      </c>
      <c r="R6" s="12" t="s">
        <v>68</v>
      </c>
      <c r="S6" s="12" t="s">
        <v>87</v>
      </c>
      <c r="T6" s="10" t="s">
        <v>88</v>
      </c>
      <c r="U6" s="12" t="s">
        <v>89</v>
      </c>
      <c r="V6" s="11"/>
      <c r="W6" s="11"/>
      <c r="X6" s="11"/>
      <c r="Y6" s="40" t="s">
        <v>90</v>
      </c>
    </row>
    <row r="7" spans="1:25" s="29" customFormat="1" ht="217.95" customHeight="1" x14ac:dyDescent="0.2">
      <c r="A7" s="8">
        <v>5</v>
      </c>
      <c r="B7" s="8" t="s">
        <v>70</v>
      </c>
      <c r="C7" s="9" t="s">
        <v>71</v>
      </c>
      <c r="D7" s="10" t="s">
        <v>91</v>
      </c>
      <c r="E7" s="11" t="s">
        <v>20</v>
      </c>
      <c r="F7" s="12" t="s">
        <v>80</v>
      </c>
      <c r="G7" s="13">
        <v>1</v>
      </c>
      <c r="H7" s="14">
        <v>45181</v>
      </c>
      <c r="I7" s="15" t="str">
        <f>TEXT($H7,"(aaa)")</f>
        <v>(火)</v>
      </c>
      <c r="J7" s="16" t="s">
        <v>23</v>
      </c>
      <c r="K7" s="17">
        <v>45182</v>
      </c>
      <c r="L7" s="15" t="str">
        <f t="shared" si="1"/>
        <v>(水)</v>
      </c>
      <c r="M7" s="18">
        <v>2</v>
      </c>
      <c r="N7" s="12" t="s">
        <v>165</v>
      </c>
      <c r="O7" s="83">
        <v>0.35416666666666669</v>
      </c>
      <c r="P7" s="20" t="s">
        <v>23</v>
      </c>
      <c r="Q7" s="84">
        <v>0.71875</v>
      </c>
      <c r="R7" s="12" t="s">
        <v>68</v>
      </c>
      <c r="S7" s="12" t="s">
        <v>92</v>
      </c>
      <c r="T7" s="10" t="s">
        <v>191</v>
      </c>
      <c r="U7" s="12" t="s">
        <v>82</v>
      </c>
      <c r="V7" s="11"/>
      <c r="W7" s="11"/>
      <c r="X7" s="11"/>
      <c r="Y7" s="40" t="s">
        <v>93</v>
      </c>
    </row>
    <row r="8" spans="1:25" s="29" customFormat="1" ht="228" customHeight="1" x14ac:dyDescent="0.2">
      <c r="A8" s="8">
        <v>6</v>
      </c>
      <c r="B8" s="8" t="s">
        <v>70</v>
      </c>
      <c r="C8" s="9" t="s">
        <v>71</v>
      </c>
      <c r="D8" s="10" t="s">
        <v>94</v>
      </c>
      <c r="E8" s="11" t="s">
        <v>20</v>
      </c>
      <c r="F8" s="12" t="s">
        <v>95</v>
      </c>
      <c r="G8" s="18">
        <v>1</v>
      </c>
      <c r="H8" s="14">
        <v>45183</v>
      </c>
      <c r="I8" s="41" t="str">
        <f>TEXT($H8,"(aaa)")</f>
        <v>(木)</v>
      </c>
      <c r="J8" s="16" t="s">
        <v>23</v>
      </c>
      <c r="K8" s="17">
        <v>45184</v>
      </c>
      <c r="L8" s="41" t="str">
        <f t="shared" si="1"/>
        <v>(金)</v>
      </c>
      <c r="M8" s="18">
        <v>2</v>
      </c>
      <c r="N8" s="12" t="s">
        <v>96</v>
      </c>
      <c r="O8" s="68">
        <v>0.375</v>
      </c>
      <c r="P8" s="20" t="s">
        <v>16</v>
      </c>
      <c r="Q8" s="69">
        <v>0.70833333333333337</v>
      </c>
      <c r="R8" s="69" t="s">
        <v>68</v>
      </c>
      <c r="S8" s="42" t="s">
        <v>97</v>
      </c>
      <c r="T8" s="10" t="s">
        <v>98</v>
      </c>
      <c r="U8" s="12" t="s">
        <v>99</v>
      </c>
      <c r="V8" s="11" t="s">
        <v>17</v>
      </c>
      <c r="W8" s="11"/>
      <c r="X8" s="11"/>
      <c r="Y8" s="10" t="s">
        <v>192</v>
      </c>
    </row>
    <row r="9" spans="1:25" s="29" customFormat="1" ht="357.6" customHeight="1" x14ac:dyDescent="0.2">
      <c r="A9" s="8">
        <v>7</v>
      </c>
      <c r="B9" s="8" t="s">
        <v>70</v>
      </c>
      <c r="C9" s="9" t="s">
        <v>71</v>
      </c>
      <c r="D9" s="10" t="s">
        <v>100</v>
      </c>
      <c r="E9" s="11" t="s">
        <v>20</v>
      </c>
      <c r="F9" s="12" t="s">
        <v>80</v>
      </c>
      <c r="G9" s="13">
        <v>3</v>
      </c>
      <c r="H9" s="14">
        <v>45182</v>
      </c>
      <c r="I9" s="41" t="str">
        <f>TEXT($H9,"(aaa)")</f>
        <v>(水)</v>
      </c>
      <c r="J9" s="16" t="s">
        <v>23</v>
      </c>
      <c r="K9" s="17">
        <v>45184</v>
      </c>
      <c r="L9" s="41" t="str">
        <f>TEXT($K9,"(aaa)")</f>
        <v>(金)</v>
      </c>
      <c r="M9" s="18">
        <v>3</v>
      </c>
      <c r="N9" s="12" t="s">
        <v>68</v>
      </c>
      <c r="O9" s="95" t="s">
        <v>43</v>
      </c>
      <c r="P9" s="96"/>
      <c r="Q9" s="97"/>
      <c r="R9" s="21" t="s">
        <v>101</v>
      </c>
      <c r="S9" s="33" t="s">
        <v>102</v>
      </c>
      <c r="T9" s="10" t="s">
        <v>103</v>
      </c>
      <c r="U9" s="10" t="s">
        <v>104</v>
      </c>
      <c r="V9" s="11"/>
      <c r="W9" s="11"/>
      <c r="X9" s="11"/>
      <c r="Y9" s="10" t="s">
        <v>105</v>
      </c>
    </row>
    <row r="10" spans="1:25" s="29" customFormat="1" ht="180" customHeight="1" x14ac:dyDescent="0.2">
      <c r="A10" s="8">
        <v>8</v>
      </c>
      <c r="B10" s="8" t="s">
        <v>70</v>
      </c>
      <c r="C10" s="9" t="s">
        <v>71</v>
      </c>
      <c r="D10" s="10" t="s">
        <v>106</v>
      </c>
      <c r="E10" s="11" t="s">
        <v>20</v>
      </c>
      <c r="F10" s="12" t="s">
        <v>80</v>
      </c>
      <c r="G10" s="13">
        <v>1</v>
      </c>
      <c r="H10" s="14">
        <v>45181</v>
      </c>
      <c r="I10" s="41" t="s">
        <v>107</v>
      </c>
      <c r="J10" s="16" t="s">
        <v>16</v>
      </c>
      <c r="K10" s="17">
        <v>45182</v>
      </c>
      <c r="L10" s="41" t="s">
        <v>65</v>
      </c>
      <c r="M10" s="18">
        <v>2</v>
      </c>
      <c r="N10" s="12" t="s">
        <v>108</v>
      </c>
      <c r="O10" s="57">
        <v>0.375</v>
      </c>
      <c r="P10" s="20" t="s">
        <v>16</v>
      </c>
      <c r="Q10" s="69">
        <v>0.70833333333333337</v>
      </c>
      <c r="R10" s="12" t="s">
        <v>108</v>
      </c>
      <c r="S10" s="12" t="s">
        <v>109</v>
      </c>
      <c r="T10" s="10" t="s">
        <v>110</v>
      </c>
      <c r="U10" s="12" t="s">
        <v>80</v>
      </c>
      <c r="V10" s="11"/>
      <c r="W10" s="11"/>
      <c r="X10" s="11"/>
      <c r="Y10" s="40" t="s">
        <v>111</v>
      </c>
    </row>
    <row r="11" spans="1:25" s="29" customFormat="1" ht="180" customHeight="1" x14ac:dyDescent="0.2">
      <c r="A11" s="8">
        <v>9</v>
      </c>
      <c r="B11" s="8" t="s">
        <v>70</v>
      </c>
      <c r="C11" s="9" t="s">
        <v>71</v>
      </c>
      <c r="D11" s="10" t="s">
        <v>112</v>
      </c>
      <c r="E11" s="11" t="s">
        <v>21</v>
      </c>
      <c r="F11" s="12" t="s">
        <v>113</v>
      </c>
      <c r="G11" s="13">
        <v>1</v>
      </c>
      <c r="H11" s="14">
        <v>45181</v>
      </c>
      <c r="I11" s="15" t="s">
        <v>64</v>
      </c>
      <c r="J11" s="16" t="s">
        <v>16</v>
      </c>
      <c r="K11" s="17">
        <v>45182</v>
      </c>
      <c r="L11" s="15" t="s">
        <v>65</v>
      </c>
      <c r="M11" s="18">
        <v>2</v>
      </c>
      <c r="N11" s="12" t="s">
        <v>108</v>
      </c>
      <c r="O11" s="83">
        <v>0.375</v>
      </c>
      <c r="P11" s="20" t="s">
        <v>16</v>
      </c>
      <c r="Q11" s="84">
        <v>0.73958333333333337</v>
      </c>
      <c r="R11" s="12" t="s">
        <v>108</v>
      </c>
      <c r="S11" s="12" t="s">
        <v>114</v>
      </c>
      <c r="T11" s="10" t="s">
        <v>115</v>
      </c>
      <c r="U11" s="12" t="s">
        <v>116</v>
      </c>
      <c r="V11" s="11"/>
      <c r="W11" s="11"/>
      <c r="X11" s="11"/>
      <c r="Y11" s="40" t="s">
        <v>117</v>
      </c>
    </row>
    <row r="12" spans="1:25" s="29" customFormat="1" ht="217.95" customHeight="1" x14ac:dyDescent="0.2">
      <c r="A12" s="8">
        <v>10</v>
      </c>
      <c r="B12" s="8" t="s">
        <v>70</v>
      </c>
      <c r="C12" s="9" t="s">
        <v>71</v>
      </c>
      <c r="D12" s="10" t="s">
        <v>118</v>
      </c>
      <c r="E12" s="11" t="s">
        <v>21</v>
      </c>
      <c r="F12" s="12" t="s">
        <v>119</v>
      </c>
      <c r="G12" s="13">
        <v>1</v>
      </c>
      <c r="H12" s="14">
        <v>44817</v>
      </c>
      <c r="I12" s="41" t="s">
        <v>65</v>
      </c>
      <c r="J12" s="16" t="s">
        <v>16</v>
      </c>
      <c r="K12" s="17">
        <v>44818</v>
      </c>
      <c r="L12" s="41" t="s">
        <v>66</v>
      </c>
      <c r="M12" s="18">
        <v>2</v>
      </c>
      <c r="N12" s="12" t="s">
        <v>108</v>
      </c>
      <c r="O12" s="68">
        <v>0.375</v>
      </c>
      <c r="P12" s="20" t="s">
        <v>16</v>
      </c>
      <c r="Q12" s="69">
        <v>0.73958333333333337</v>
      </c>
      <c r="R12" s="12" t="s">
        <v>108</v>
      </c>
      <c r="S12" s="12" t="s">
        <v>120</v>
      </c>
      <c r="T12" s="10" t="s">
        <v>121</v>
      </c>
      <c r="U12" s="12" t="s">
        <v>122</v>
      </c>
      <c r="V12" s="11" t="s">
        <v>17</v>
      </c>
      <c r="W12" s="11" t="s">
        <v>17</v>
      </c>
      <c r="X12" s="11"/>
      <c r="Y12" s="40" t="s">
        <v>123</v>
      </c>
    </row>
    <row r="13" spans="1:25" s="29" customFormat="1" ht="180" customHeight="1" x14ac:dyDescent="0.2">
      <c r="A13" s="8">
        <v>11</v>
      </c>
      <c r="B13" s="8" t="s">
        <v>70</v>
      </c>
      <c r="C13" s="9" t="s">
        <v>71</v>
      </c>
      <c r="D13" s="10" t="s">
        <v>124</v>
      </c>
      <c r="E13" s="11" t="s">
        <v>15</v>
      </c>
      <c r="F13" s="12" t="s">
        <v>125</v>
      </c>
      <c r="G13" s="13">
        <v>2</v>
      </c>
      <c r="H13" s="14">
        <v>45180</v>
      </c>
      <c r="I13" s="41" t="s">
        <v>29</v>
      </c>
      <c r="J13" s="16" t="s">
        <v>16</v>
      </c>
      <c r="K13" s="17">
        <v>44819</v>
      </c>
      <c r="L13" s="41" t="s">
        <v>67</v>
      </c>
      <c r="M13" s="18">
        <v>2</v>
      </c>
      <c r="N13" s="12" t="s">
        <v>126</v>
      </c>
      <c r="O13" s="68">
        <v>0.375</v>
      </c>
      <c r="P13" s="20" t="s">
        <v>16</v>
      </c>
      <c r="Q13" s="69">
        <v>0.73958333333333337</v>
      </c>
      <c r="R13" s="12" t="s">
        <v>108</v>
      </c>
      <c r="S13" s="12" t="s">
        <v>127</v>
      </c>
      <c r="T13" s="10" t="s">
        <v>128</v>
      </c>
      <c r="U13" s="12" t="s">
        <v>129</v>
      </c>
      <c r="V13" s="11"/>
      <c r="W13" s="11"/>
      <c r="X13" s="11"/>
      <c r="Y13" s="40" t="s">
        <v>130</v>
      </c>
    </row>
    <row r="14" spans="1:25" s="29" customFormat="1" ht="180" customHeight="1" x14ac:dyDescent="0.2">
      <c r="A14" s="8">
        <v>12</v>
      </c>
      <c r="B14" s="8" t="s">
        <v>70</v>
      </c>
      <c r="C14" s="9" t="s">
        <v>71</v>
      </c>
      <c r="D14" s="10" t="s">
        <v>124</v>
      </c>
      <c r="E14" s="11" t="s">
        <v>15</v>
      </c>
      <c r="F14" s="12" t="s">
        <v>131</v>
      </c>
      <c r="G14" s="13">
        <v>2</v>
      </c>
      <c r="H14" s="14">
        <v>45180</v>
      </c>
      <c r="I14" s="41" t="s">
        <v>29</v>
      </c>
      <c r="J14" s="16" t="s">
        <v>16</v>
      </c>
      <c r="K14" s="17">
        <v>44819</v>
      </c>
      <c r="L14" s="41" t="s">
        <v>67</v>
      </c>
      <c r="M14" s="18">
        <v>2</v>
      </c>
      <c r="N14" s="12" t="s">
        <v>126</v>
      </c>
      <c r="O14" s="68">
        <v>0.375</v>
      </c>
      <c r="P14" s="20" t="s">
        <v>16</v>
      </c>
      <c r="Q14" s="69">
        <v>0.73958333333333337</v>
      </c>
      <c r="R14" s="12" t="s">
        <v>108</v>
      </c>
      <c r="S14" s="12" t="s">
        <v>127</v>
      </c>
      <c r="T14" s="10" t="s">
        <v>128</v>
      </c>
      <c r="U14" s="12" t="s">
        <v>129</v>
      </c>
      <c r="V14" s="11"/>
      <c r="W14" s="11"/>
      <c r="X14" s="11"/>
      <c r="Y14" s="40" t="s">
        <v>130</v>
      </c>
    </row>
    <row r="15" spans="1:25" s="29" customFormat="1" ht="180" customHeight="1" x14ac:dyDescent="0.2">
      <c r="A15" s="8">
        <v>13</v>
      </c>
      <c r="B15" s="8" t="s">
        <v>70</v>
      </c>
      <c r="C15" s="9" t="s">
        <v>71</v>
      </c>
      <c r="D15" s="10" t="s">
        <v>124</v>
      </c>
      <c r="E15" s="11" t="s">
        <v>15</v>
      </c>
      <c r="F15" s="12" t="s">
        <v>132</v>
      </c>
      <c r="G15" s="13">
        <v>1</v>
      </c>
      <c r="H15" s="14">
        <v>45180</v>
      </c>
      <c r="I15" s="41" t="s">
        <v>29</v>
      </c>
      <c r="J15" s="16" t="s">
        <v>16</v>
      </c>
      <c r="K15" s="17">
        <v>44819</v>
      </c>
      <c r="L15" s="41" t="s">
        <v>67</v>
      </c>
      <c r="M15" s="18">
        <v>2</v>
      </c>
      <c r="N15" s="12" t="s">
        <v>126</v>
      </c>
      <c r="O15" s="68">
        <v>0.375</v>
      </c>
      <c r="P15" s="20" t="s">
        <v>16</v>
      </c>
      <c r="Q15" s="69">
        <v>0.73958333333333337</v>
      </c>
      <c r="R15" s="12" t="s">
        <v>108</v>
      </c>
      <c r="S15" s="12" t="s">
        <v>127</v>
      </c>
      <c r="T15" s="10" t="s">
        <v>128</v>
      </c>
      <c r="U15" s="12" t="s">
        <v>129</v>
      </c>
      <c r="V15" s="11"/>
      <c r="W15" s="11"/>
      <c r="X15" s="11"/>
      <c r="Y15" s="40" t="s">
        <v>130</v>
      </c>
    </row>
    <row r="16" spans="1:25" s="29" customFormat="1" ht="180" customHeight="1" x14ac:dyDescent="0.2">
      <c r="A16" s="8">
        <v>14</v>
      </c>
      <c r="B16" s="8" t="s">
        <v>70</v>
      </c>
      <c r="C16" s="9" t="s">
        <v>71</v>
      </c>
      <c r="D16" s="10" t="s">
        <v>124</v>
      </c>
      <c r="E16" s="11" t="s">
        <v>15</v>
      </c>
      <c r="F16" s="12" t="s">
        <v>95</v>
      </c>
      <c r="G16" s="13">
        <v>1</v>
      </c>
      <c r="H16" s="14">
        <v>45180</v>
      </c>
      <c r="I16" s="15" t="s">
        <v>29</v>
      </c>
      <c r="J16" s="16" t="s">
        <v>16</v>
      </c>
      <c r="K16" s="17">
        <v>44819</v>
      </c>
      <c r="L16" s="15" t="s">
        <v>67</v>
      </c>
      <c r="M16" s="18">
        <v>2</v>
      </c>
      <c r="N16" s="12" t="s">
        <v>126</v>
      </c>
      <c r="O16" s="83">
        <v>0.375</v>
      </c>
      <c r="P16" s="20" t="s">
        <v>16</v>
      </c>
      <c r="Q16" s="84">
        <v>0.73958333333333337</v>
      </c>
      <c r="R16" s="12" t="s">
        <v>108</v>
      </c>
      <c r="S16" s="12" t="s">
        <v>127</v>
      </c>
      <c r="T16" s="10" t="s">
        <v>128</v>
      </c>
      <c r="U16" s="12" t="s">
        <v>129</v>
      </c>
      <c r="V16" s="11"/>
      <c r="W16" s="11"/>
      <c r="X16" s="11"/>
      <c r="Y16" s="40" t="s">
        <v>130</v>
      </c>
    </row>
    <row r="17" spans="1:25" s="29" customFormat="1" ht="205.8" customHeight="1" x14ac:dyDescent="0.2">
      <c r="A17" s="8">
        <v>15</v>
      </c>
      <c r="B17" s="8" t="s">
        <v>70</v>
      </c>
      <c r="C17" s="9" t="s">
        <v>71</v>
      </c>
      <c r="D17" s="10" t="s">
        <v>133</v>
      </c>
      <c r="E17" s="11" t="s">
        <v>20</v>
      </c>
      <c r="F17" s="12" t="s">
        <v>80</v>
      </c>
      <c r="G17" s="13">
        <v>2</v>
      </c>
      <c r="H17" s="14">
        <v>45183</v>
      </c>
      <c r="I17" s="41" t="s">
        <v>66</v>
      </c>
      <c r="J17" s="16" t="s">
        <v>16</v>
      </c>
      <c r="K17" s="17">
        <v>45184</v>
      </c>
      <c r="L17" s="41" t="s">
        <v>67</v>
      </c>
      <c r="M17" s="18">
        <v>2</v>
      </c>
      <c r="N17" s="12" t="s">
        <v>108</v>
      </c>
      <c r="O17" s="68">
        <v>0.375</v>
      </c>
      <c r="P17" s="20" t="s">
        <v>16</v>
      </c>
      <c r="Q17" s="69">
        <v>0.70833333333333337</v>
      </c>
      <c r="R17" s="12" t="s">
        <v>108</v>
      </c>
      <c r="S17" s="12" t="s">
        <v>134</v>
      </c>
      <c r="T17" s="10" t="s">
        <v>135</v>
      </c>
      <c r="U17" s="12" t="s">
        <v>80</v>
      </c>
      <c r="V17" s="11"/>
      <c r="W17" s="11"/>
      <c r="X17" s="11"/>
      <c r="Y17" s="40" t="s">
        <v>136</v>
      </c>
    </row>
    <row r="18" spans="1:25" s="29" customFormat="1" ht="205.8" customHeight="1" x14ac:dyDescent="0.2">
      <c r="A18" s="8">
        <v>16</v>
      </c>
      <c r="B18" s="43" t="s">
        <v>137</v>
      </c>
      <c r="C18" s="44" t="s">
        <v>138</v>
      </c>
      <c r="D18" s="45" t="s">
        <v>139</v>
      </c>
      <c r="E18" s="23" t="s">
        <v>140</v>
      </c>
      <c r="F18" s="46" t="s">
        <v>141</v>
      </c>
      <c r="G18" s="30">
        <v>3</v>
      </c>
      <c r="H18" s="47">
        <v>44815</v>
      </c>
      <c r="I18" s="48" t="s">
        <v>29</v>
      </c>
      <c r="J18" s="49" t="s">
        <v>16</v>
      </c>
      <c r="K18" s="50">
        <v>44818</v>
      </c>
      <c r="L18" s="51" t="s">
        <v>66</v>
      </c>
      <c r="M18" s="30">
        <v>4</v>
      </c>
      <c r="N18" s="52" t="s">
        <v>68</v>
      </c>
      <c r="O18" s="53">
        <v>0.41666666666666669</v>
      </c>
      <c r="P18" s="54" t="s">
        <v>16</v>
      </c>
      <c r="Q18" s="55">
        <v>0.73958333333333337</v>
      </c>
      <c r="R18" s="55" t="s">
        <v>68</v>
      </c>
      <c r="S18" s="56" t="s">
        <v>142</v>
      </c>
      <c r="T18" s="45" t="s">
        <v>143</v>
      </c>
      <c r="U18" s="46" t="s">
        <v>144</v>
      </c>
      <c r="V18" s="23"/>
      <c r="W18" s="23" t="s">
        <v>17</v>
      </c>
      <c r="X18" s="23"/>
      <c r="Y18" s="45" t="s">
        <v>145</v>
      </c>
    </row>
    <row r="19" spans="1:25" s="29" customFormat="1" ht="205.8" customHeight="1" x14ac:dyDescent="0.2">
      <c r="A19" s="8">
        <v>17</v>
      </c>
      <c r="B19" s="8" t="s">
        <v>137</v>
      </c>
      <c r="C19" s="9" t="s">
        <v>138</v>
      </c>
      <c r="D19" s="10" t="s">
        <v>146</v>
      </c>
      <c r="E19" s="11" t="s">
        <v>140</v>
      </c>
      <c r="F19" s="12" t="s">
        <v>141</v>
      </c>
      <c r="G19" s="13">
        <v>2</v>
      </c>
      <c r="H19" s="14">
        <v>45180</v>
      </c>
      <c r="I19" s="41" t="str">
        <f t="shared" ref="I19:I20" si="2">TEXT($H19,"(aaa)")</f>
        <v>(月)</v>
      </c>
      <c r="J19" s="16" t="s">
        <v>16</v>
      </c>
      <c r="K19" s="17">
        <v>45184</v>
      </c>
      <c r="L19" s="41" t="str">
        <f t="shared" ref="L19" si="3">TEXT($K19,"(aaa)")</f>
        <v>(金)</v>
      </c>
      <c r="M19" s="18">
        <v>5</v>
      </c>
      <c r="N19" s="19" t="s">
        <v>68</v>
      </c>
      <c r="O19" s="57">
        <v>0.375</v>
      </c>
      <c r="P19" s="20" t="s">
        <v>16</v>
      </c>
      <c r="Q19" s="69">
        <v>0.73958333333333337</v>
      </c>
      <c r="R19" s="12" t="s">
        <v>68</v>
      </c>
      <c r="S19" s="21" t="s">
        <v>193</v>
      </c>
      <c r="T19" s="10" t="s">
        <v>147</v>
      </c>
      <c r="U19" s="12" t="s">
        <v>148</v>
      </c>
      <c r="V19" s="11"/>
      <c r="W19" s="11" t="s">
        <v>17</v>
      </c>
      <c r="X19" s="11"/>
      <c r="Y19" s="40" t="s">
        <v>149</v>
      </c>
    </row>
    <row r="20" spans="1:25" s="29" customFormat="1" ht="205.8" customHeight="1" x14ac:dyDescent="0.2">
      <c r="A20" s="8">
        <v>24</v>
      </c>
      <c r="B20" s="8" t="s">
        <v>26</v>
      </c>
      <c r="C20" s="9" t="s">
        <v>150</v>
      </c>
      <c r="D20" s="10" t="s">
        <v>151</v>
      </c>
      <c r="E20" s="11" t="s">
        <v>21</v>
      </c>
      <c r="F20" s="12" t="s">
        <v>152</v>
      </c>
      <c r="G20" s="13">
        <v>3</v>
      </c>
      <c r="H20" s="14">
        <v>45182</v>
      </c>
      <c r="I20" s="41" t="str">
        <f t="shared" si="2"/>
        <v>(水)</v>
      </c>
      <c r="J20" s="16" t="s">
        <v>23</v>
      </c>
      <c r="K20" s="17">
        <v>45183</v>
      </c>
      <c r="L20" s="41" t="str">
        <f t="shared" ref="L20:L22" si="4">TEXT($K20,"(aaa)")</f>
        <v>(木)</v>
      </c>
      <c r="M20" s="18">
        <v>2</v>
      </c>
      <c r="N20" s="22" t="s">
        <v>68</v>
      </c>
      <c r="O20" s="68">
        <v>0.375</v>
      </c>
      <c r="P20" s="20" t="s">
        <v>23</v>
      </c>
      <c r="Q20" s="69">
        <v>0.73958333333333337</v>
      </c>
      <c r="R20" s="22" t="s">
        <v>68</v>
      </c>
      <c r="S20" s="12" t="s">
        <v>153</v>
      </c>
      <c r="T20" s="10" t="s">
        <v>154</v>
      </c>
      <c r="U20" s="12" t="s">
        <v>42</v>
      </c>
      <c r="V20" s="11"/>
      <c r="W20" s="11"/>
      <c r="X20" s="11"/>
      <c r="Y20" s="10" t="s">
        <v>45</v>
      </c>
    </row>
    <row r="21" spans="1:25" s="29" customFormat="1" ht="205.8" customHeight="1" x14ac:dyDescent="0.2">
      <c r="A21" s="8">
        <v>25</v>
      </c>
      <c r="B21" s="8" t="s">
        <v>26</v>
      </c>
      <c r="C21" s="9" t="s">
        <v>150</v>
      </c>
      <c r="D21" s="10" t="s">
        <v>155</v>
      </c>
      <c r="E21" s="11" t="s">
        <v>21</v>
      </c>
      <c r="F21" s="12" t="s">
        <v>156</v>
      </c>
      <c r="G21" s="13">
        <v>2</v>
      </c>
      <c r="H21" s="14">
        <v>45181</v>
      </c>
      <c r="I21" s="15" t="s">
        <v>157</v>
      </c>
      <c r="J21" s="16" t="s">
        <v>158</v>
      </c>
      <c r="K21" s="17">
        <v>45184</v>
      </c>
      <c r="L21" s="15" t="str">
        <f t="shared" si="4"/>
        <v>(金)</v>
      </c>
      <c r="M21" s="18">
        <v>2</v>
      </c>
      <c r="N21" s="12" t="s">
        <v>108</v>
      </c>
      <c r="O21" s="83">
        <v>0.375</v>
      </c>
      <c r="P21" s="20" t="s">
        <v>16</v>
      </c>
      <c r="Q21" s="84">
        <v>0.73958333333333337</v>
      </c>
      <c r="R21" s="22" t="s">
        <v>68</v>
      </c>
      <c r="S21" s="12" t="s">
        <v>159</v>
      </c>
      <c r="T21" s="10" t="s">
        <v>160</v>
      </c>
      <c r="U21" s="12" t="s">
        <v>42</v>
      </c>
      <c r="V21" s="11"/>
      <c r="W21" s="11"/>
      <c r="X21" s="11"/>
      <c r="Y21" s="40" t="s">
        <v>44</v>
      </c>
    </row>
    <row r="22" spans="1:25" s="29" customFormat="1" ht="205.8" customHeight="1" x14ac:dyDescent="0.2">
      <c r="A22" s="8">
        <v>26</v>
      </c>
      <c r="B22" s="8" t="s">
        <v>26</v>
      </c>
      <c r="C22" s="9" t="s">
        <v>150</v>
      </c>
      <c r="D22" s="10" t="s">
        <v>37</v>
      </c>
      <c r="E22" s="11" t="s">
        <v>21</v>
      </c>
      <c r="F22" s="12" t="s">
        <v>161</v>
      </c>
      <c r="G22" s="13">
        <v>2</v>
      </c>
      <c r="H22" s="14">
        <v>45181</v>
      </c>
      <c r="I22" s="41" t="str">
        <f t="shared" ref="I22" si="5">TEXT($H22,"(aaa)")</f>
        <v>(火)</v>
      </c>
      <c r="J22" s="16" t="s">
        <v>23</v>
      </c>
      <c r="K22" s="17">
        <v>45182</v>
      </c>
      <c r="L22" s="41" t="str">
        <f t="shared" si="4"/>
        <v>(水)</v>
      </c>
      <c r="M22" s="18">
        <v>2</v>
      </c>
      <c r="N22" s="58" t="s">
        <v>162</v>
      </c>
      <c r="O22" s="68">
        <v>0.375</v>
      </c>
      <c r="P22" s="20" t="s">
        <v>23</v>
      </c>
      <c r="Q22" s="69">
        <v>0.71875</v>
      </c>
      <c r="R22" s="22" t="s">
        <v>68</v>
      </c>
      <c r="S22" s="12" t="s">
        <v>46</v>
      </c>
      <c r="T22" s="10" t="s">
        <v>47</v>
      </c>
      <c r="U22" s="12" t="s">
        <v>27</v>
      </c>
      <c r="V22" s="11" t="s">
        <v>17</v>
      </c>
      <c r="W22" s="11" t="s">
        <v>17</v>
      </c>
      <c r="X22" s="11"/>
      <c r="Y22" s="12" t="s">
        <v>68</v>
      </c>
    </row>
    <row r="23" spans="1:25" s="29" customFormat="1" ht="205.8" customHeight="1" x14ac:dyDescent="0.2">
      <c r="A23" s="8">
        <v>29</v>
      </c>
      <c r="B23" s="8" t="s">
        <v>28</v>
      </c>
      <c r="C23" s="9" t="s">
        <v>174</v>
      </c>
      <c r="D23" s="10" t="s">
        <v>175</v>
      </c>
      <c r="E23" s="11" t="s">
        <v>21</v>
      </c>
      <c r="F23" s="12" t="s">
        <v>176</v>
      </c>
      <c r="G23" s="13">
        <v>2</v>
      </c>
      <c r="H23" s="14">
        <v>45180</v>
      </c>
      <c r="I23" s="41" t="str">
        <f>TEXT($H23,"(aaa)")</f>
        <v>(月)</v>
      </c>
      <c r="J23" s="16" t="s">
        <v>23</v>
      </c>
      <c r="K23" s="17">
        <v>45181</v>
      </c>
      <c r="L23" s="41" t="str">
        <f>TEXT($K23,"(aaa)")</f>
        <v>(火)</v>
      </c>
      <c r="M23" s="18">
        <v>2</v>
      </c>
      <c r="N23" s="12" t="s">
        <v>68</v>
      </c>
      <c r="O23" s="68">
        <v>0.375</v>
      </c>
      <c r="P23" s="20" t="s">
        <v>23</v>
      </c>
      <c r="Q23" s="69">
        <v>0.70833333333333337</v>
      </c>
      <c r="R23" s="40" t="s">
        <v>177</v>
      </c>
      <c r="S23" s="12" t="s">
        <v>178</v>
      </c>
      <c r="T23" s="10" t="s">
        <v>179</v>
      </c>
      <c r="U23" s="12" t="s">
        <v>42</v>
      </c>
      <c r="V23" s="11" t="s">
        <v>17</v>
      </c>
      <c r="W23" s="11" t="s">
        <v>17</v>
      </c>
      <c r="X23" s="11"/>
      <c r="Y23" s="40" t="s">
        <v>180</v>
      </c>
    </row>
    <row r="24" spans="1:25" s="29" customFormat="1" ht="205.8" customHeight="1" x14ac:dyDescent="0.2">
      <c r="A24" s="8">
        <v>30</v>
      </c>
      <c r="B24" s="8" t="s">
        <v>28</v>
      </c>
      <c r="C24" s="9" t="s">
        <v>174</v>
      </c>
      <c r="D24" s="10" t="s">
        <v>181</v>
      </c>
      <c r="E24" s="11" t="s">
        <v>21</v>
      </c>
      <c r="F24" s="12" t="s">
        <v>176</v>
      </c>
      <c r="G24" s="13">
        <v>1</v>
      </c>
      <c r="H24" s="14">
        <v>45180</v>
      </c>
      <c r="I24" s="41" t="str">
        <f t="shared" ref="I24" si="6">TEXT($H24,"(aaa)")</f>
        <v>(月)</v>
      </c>
      <c r="J24" s="16" t="s">
        <v>23</v>
      </c>
      <c r="K24" s="17">
        <v>45184</v>
      </c>
      <c r="L24" s="41" t="str">
        <f t="shared" ref="L24" si="7">TEXT($K24,"(aaa)")</f>
        <v>(金)</v>
      </c>
      <c r="M24" s="18">
        <v>2</v>
      </c>
      <c r="N24" s="12" t="s">
        <v>182</v>
      </c>
      <c r="O24" s="68">
        <v>0.375</v>
      </c>
      <c r="P24" s="20" t="s">
        <v>16</v>
      </c>
      <c r="Q24" s="69">
        <v>0.73958333333333337</v>
      </c>
      <c r="R24" s="12" t="s">
        <v>68</v>
      </c>
      <c r="S24" s="12" t="s">
        <v>183</v>
      </c>
      <c r="T24" s="10" t="s">
        <v>184</v>
      </c>
      <c r="U24" s="12" t="s">
        <v>42</v>
      </c>
      <c r="V24" s="11" t="s">
        <v>17</v>
      </c>
      <c r="W24" s="11" t="s">
        <v>17</v>
      </c>
      <c r="X24" s="11" t="s">
        <v>17</v>
      </c>
      <c r="Y24" s="12" t="s">
        <v>68</v>
      </c>
    </row>
    <row r="25" spans="1:25" s="29" customFormat="1" ht="205.8" customHeight="1" x14ac:dyDescent="0.2">
      <c r="A25" s="8">
        <v>31</v>
      </c>
      <c r="B25" s="8" t="s">
        <v>185</v>
      </c>
      <c r="C25" s="9" t="s">
        <v>186</v>
      </c>
      <c r="D25" s="10" t="s">
        <v>194</v>
      </c>
      <c r="E25" s="11" t="s">
        <v>140</v>
      </c>
      <c r="F25" s="11" t="s">
        <v>187</v>
      </c>
      <c r="G25" s="13">
        <v>2</v>
      </c>
      <c r="H25" s="14">
        <v>45181</v>
      </c>
      <c r="I25" s="41" t="s">
        <v>157</v>
      </c>
      <c r="J25" s="16" t="s">
        <v>16</v>
      </c>
      <c r="K25" s="17">
        <v>45182</v>
      </c>
      <c r="L25" s="41" t="s">
        <v>163</v>
      </c>
      <c r="M25" s="18">
        <v>2</v>
      </c>
      <c r="N25" s="12" t="s">
        <v>68</v>
      </c>
      <c r="O25" s="68">
        <v>0.375</v>
      </c>
      <c r="P25" s="20" t="s">
        <v>16</v>
      </c>
      <c r="Q25" s="69">
        <v>0.70833333333333337</v>
      </c>
      <c r="R25" s="12" t="s">
        <v>68</v>
      </c>
      <c r="S25" s="12" t="s">
        <v>188</v>
      </c>
      <c r="T25" s="10" t="s">
        <v>189</v>
      </c>
      <c r="U25" s="12" t="s">
        <v>22</v>
      </c>
      <c r="V25" s="11" t="s">
        <v>17</v>
      </c>
      <c r="W25" s="11" t="s">
        <v>17</v>
      </c>
      <c r="X25" s="11" t="s">
        <v>17</v>
      </c>
      <c r="Y25" s="12" t="s">
        <v>68</v>
      </c>
    </row>
    <row r="26" spans="1:25" s="29" customFormat="1" ht="205.8" customHeight="1" x14ac:dyDescent="0.2">
      <c r="A26" s="8">
        <v>44</v>
      </c>
      <c r="B26" s="8" t="s">
        <v>28</v>
      </c>
      <c r="C26" s="9" t="s">
        <v>57</v>
      </c>
      <c r="D26" s="10" t="s">
        <v>58</v>
      </c>
      <c r="E26" s="11" t="s">
        <v>21</v>
      </c>
      <c r="F26" s="11" t="s">
        <v>30</v>
      </c>
      <c r="G26" s="13">
        <v>1</v>
      </c>
      <c r="H26" s="14">
        <v>45180</v>
      </c>
      <c r="I26" s="15" t="s">
        <v>29</v>
      </c>
      <c r="J26" s="16" t="s">
        <v>16</v>
      </c>
      <c r="K26" s="17">
        <v>45184</v>
      </c>
      <c r="L26" s="15" t="s">
        <v>67</v>
      </c>
      <c r="M26" s="18">
        <v>5</v>
      </c>
      <c r="N26" s="12" t="s">
        <v>108</v>
      </c>
      <c r="O26" s="83">
        <v>0.35416666666666669</v>
      </c>
      <c r="P26" s="20" t="s">
        <v>16</v>
      </c>
      <c r="Q26" s="84">
        <v>0.71875</v>
      </c>
      <c r="R26" s="12" t="s">
        <v>108</v>
      </c>
      <c r="S26" s="12" t="s">
        <v>59</v>
      </c>
      <c r="T26" s="10" t="s">
        <v>60</v>
      </c>
      <c r="U26" s="12" t="s">
        <v>61</v>
      </c>
      <c r="V26" s="11" t="s">
        <v>17</v>
      </c>
      <c r="W26" s="11" t="s">
        <v>17</v>
      </c>
      <c r="X26" s="11" t="s">
        <v>17</v>
      </c>
      <c r="Y26" s="12" t="s">
        <v>108</v>
      </c>
    </row>
    <row r="27" spans="1:25" s="29" customFormat="1" ht="205.8" customHeight="1" x14ac:dyDescent="0.2">
      <c r="A27" s="8">
        <v>53</v>
      </c>
      <c r="B27" s="8" t="s">
        <v>28</v>
      </c>
      <c r="C27" s="9" t="s">
        <v>41</v>
      </c>
      <c r="D27" s="10" t="s">
        <v>62</v>
      </c>
      <c r="E27" s="11" t="s">
        <v>21</v>
      </c>
      <c r="F27" s="11" t="s">
        <v>30</v>
      </c>
      <c r="G27" s="13">
        <v>2</v>
      </c>
      <c r="H27" s="14">
        <v>45181</v>
      </c>
      <c r="I27" s="41" t="str">
        <f t="shared" ref="I27" si="8">TEXT($H27,"(aaa)")</f>
        <v>(火)</v>
      </c>
      <c r="J27" s="16" t="s">
        <v>23</v>
      </c>
      <c r="K27" s="17">
        <v>45184</v>
      </c>
      <c r="L27" s="41" t="str">
        <f t="shared" ref="L27" si="9">TEXT($K27,"(aaa)")</f>
        <v>(金)</v>
      </c>
      <c r="M27" s="18">
        <v>4</v>
      </c>
      <c r="N27" s="12" t="s">
        <v>108</v>
      </c>
      <c r="O27" s="68">
        <v>0.35416666666666669</v>
      </c>
      <c r="P27" s="20" t="s">
        <v>16</v>
      </c>
      <c r="Q27" s="69">
        <v>0.71875</v>
      </c>
      <c r="R27" s="12" t="s">
        <v>108</v>
      </c>
      <c r="S27" s="12" t="s">
        <v>69</v>
      </c>
      <c r="T27" s="10" t="s">
        <v>31</v>
      </c>
      <c r="U27" s="12" t="s">
        <v>48</v>
      </c>
      <c r="V27" s="11" t="s">
        <v>17</v>
      </c>
      <c r="W27" s="11" t="s">
        <v>17</v>
      </c>
      <c r="X27" s="11" t="s">
        <v>17</v>
      </c>
      <c r="Y27" s="40" t="s">
        <v>164</v>
      </c>
    </row>
    <row r="28" spans="1:25" s="29" customFormat="1" ht="205.8" customHeight="1" x14ac:dyDescent="0.2">
      <c r="A28" s="8">
        <v>76</v>
      </c>
      <c r="B28" s="8" t="s">
        <v>25</v>
      </c>
      <c r="C28" s="9" t="s">
        <v>32</v>
      </c>
      <c r="D28" s="10" t="s">
        <v>167</v>
      </c>
      <c r="E28" s="11" t="s">
        <v>15</v>
      </c>
      <c r="F28" s="11" t="s">
        <v>119</v>
      </c>
      <c r="G28" s="13">
        <v>2</v>
      </c>
      <c r="H28" s="70">
        <v>45180</v>
      </c>
      <c r="I28" s="15" t="str">
        <f t="shared" ref="I28:I29" si="10">TEXT($H28,"(aaa)")</f>
        <v>(月)</v>
      </c>
      <c r="J28" s="16" t="s">
        <v>23</v>
      </c>
      <c r="K28" s="87">
        <v>45184</v>
      </c>
      <c r="L28" s="15" t="str">
        <f t="shared" ref="L28:L29" si="11">TEXT($K28,"(aaa)")</f>
        <v>(金)</v>
      </c>
      <c r="M28" s="18">
        <v>3</v>
      </c>
      <c r="N28" s="12" t="s">
        <v>168</v>
      </c>
      <c r="O28" s="71">
        <v>0.35416666666666669</v>
      </c>
      <c r="P28" s="72" t="s">
        <v>16</v>
      </c>
      <c r="Q28" s="73">
        <v>0.71875</v>
      </c>
      <c r="R28" s="12" t="s">
        <v>68</v>
      </c>
      <c r="S28" s="12" t="s">
        <v>169</v>
      </c>
      <c r="T28" s="10" t="s">
        <v>170</v>
      </c>
      <c r="U28" s="12" t="s">
        <v>119</v>
      </c>
      <c r="V28" s="11"/>
      <c r="W28" s="11"/>
      <c r="X28" s="11"/>
      <c r="Y28" s="40" t="s">
        <v>171</v>
      </c>
    </row>
    <row r="29" spans="1:25" s="29" customFormat="1" ht="205.8" customHeight="1" x14ac:dyDescent="0.2">
      <c r="A29" s="8">
        <v>77</v>
      </c>
      <c r="B29" s="8" t="s">
        <v>25</v>
      </c>
      <c r="C29" s="9" t="s">
        <v>32</v>
      </c>
      <c r="D29" s="10" t="s">
        <v>167</v>
      </c>
      <c r="E29" s="11" t="s">
        <v>15</v>
      </c>
      <c r="F29" s="11" t="s">
        <v>119</v>
      </c>
      <c r="G29" s="13">
        <v>2</v>
      </c>
      <c r="H29" s="14">
        <v>45180</v>
      </c>
      <c r="I29" s="15" t="str">
        <f t="shared" si="10"/>
        <v>(月)</v>
      </c>
      <c r="J29" s="16" t="s">
        <v>23</v>
      </c>
      <c r="K29" s="87">
        <v>45184</v>
      </c>
      <c r="L29" s="15" t="str">
        <f t="shared" si="11"/>
        <v>(金)</v>
      </c>
      <c r="M29" s="18">
        <v>5</v>
      </c>
      <c r="N29" s="12" t="s">
        <v>68</v>
      </c>
      <c r="O29" s="71">
        <v>0.35416666666666669</v>
      </c>
      <c r="P29" s="72" t="s">
        <v>16</v>
      </c>
      <c r="Q29" s="73">
        <v>0.71875</v>
      </c>
      <c r="R29" s="12" t="s">
        <v>68</v>
      </c>
      <c r="S29" s="10" t="s">
        <v>172</v>
      </c>
      <c r="T29" s="10" t="s">
        <v>170</v>
      </c>
      <c r="U29" s="12" t="s">
        <v>119</v>
      </c>
      <c r="V29" s="11"/>
      <c r="W29" s="11"/>
      <c r="X29" s="11"/>
      <c r="Y29" s="40" t="s">
        <v>171</v>
      </c>
    </row>
    <row r="30" spans="1:25" s="29" customFormat="1" ht="205.8" customHeight="1" x14ac:dyDescent="0.2">
      <c r="A30" s="8">
        <v>88</v>
      </c>
      <c r="B30" s="74" t="s">
        <v>19</v>
      </c>
      <c r="C30" s="63" t="s">
        <v>40</v>
      </c>
      <c r="D30" s="79" t="s">
        <v>52</v>
      </c>
      <c r="E30" s="62" t="s">
        <v>21</v>
      </c>
      <c r="F30" s="62" t="s">
        <v>53</v>
      </c>
      <c r="G30" s="77">
        <v>1</v>
      </c>
      <c r="H30" s="64">
        <v>44817</v>
      </c>
      <c r="I30" s="75" t="s">
        <v>65</v>
      </c>
      <c r="J30" s="65" t="s">
        <v>16</v>
      </c>
      <c r="K30" s="66">
        <v>44818</v>
      </c>
      <c r="L30" s="76" t="s">
        <v>66</v>
      </c>
      <c r="M30" s="77">
        <v>2</v>
      </c>
      <c r="N30" s="80" t="s">
        <v>108</v>
      </c>
      <c r="O30" s="59">
        <v>0.375</v>
      </c>
      <c r="P30" s="60" t="s">
        <v>16</v>
      </c>
      <c r="Q30" s="61">
        <v>0.73958333333333337</v>
      </c>
      <c r="R30" s="61" t="s">
        <v>108</v>
      </c>
      <c r="S30" s="81" t="s">
        <v>69</v>
      </c>
      <c r="T30" s="79" t="s">
        <v>54</v>
      </c>
      <c r="U30" s="67" t="s">
        <v>36</v>
      </c>
      <c r="V30" s="62" t="s">
        <v>56</v>
      </c>
      <c r="W30" s="62" t="s">
        <v>56</v>
      </c>
      <c r="X30" s="62" t="s">
        <v>56</v>
      </c>
      <c r="Y30" s="82" t="s">
        <v>55</v>
      </c>
    </row>
    <row r="31" spans="1:25" s="29" customFormat="1" ht="205.8" customHeight="1" x14ac:dyDescent="0.2">
      <c r="A31" s="8">
        <v>98</v>
      </c>
      <c r="B31" s="74" t="s">
        <v>19</v>
      </c>
      <c r="C31" s="63" t="s">
        <v>40</v>
      </c>
      <c r="D31" s="85" t="s">
        <v>49</v>
      </c>
      <c r="E31" s="62" t="s">
        <v>21</v>
      </c>
      <c r="F31" s="62" t="s">
        <v>24</v>
      </c>
      <c r="G31" s="77">
        <v>1</v>
      </c>
      <c r="H31" s="64">
        <v>45180</v>
      </c>
      <c r="I31" s="75" t="s">
        <v>29</v>
      </c>
      <c r="J31" s="65" t="s">
        <v>16</v>
      </c>
      <c r="K31" s="66">
        <v>45184</v>
      </c>
      <c r="L31" s="76" t="s">
        <v>67</v>
      </c>
      <c r="M31" s="77">
        <v>2</v>
      </c>
      <c r="N31" s="78" t="s">
        <v>173</v>
      </c>
      <c r="O31" s="59">
        <v>0.375</v>
      </c>
      <c r="P31" s="60" t="s">
        <v>16</v>
      </c>
      <c r="Q31" s="61">
        <v>0.73958333333333337</v>
      </c>
      <c r="R31" s="86" t="s">
        <v>68</v>
      </c>
      <c r="S31" s="81" t="s">
        <v>35</v>
      </c>
      <c r="T31" s="85" t="s">
        <v>50</v>
      </c>
      <c r="U31" s="67" t="s">
        <v>36</v>
      </c>
      <c r="V31" s="62" t="s">
        <v>17</v>
      </c>
      <c r="W31" s="62" t="s">
        <v>17</v>
      </c>
      <c r="X31" s="62"/>
      <c r="Y31" s="85" t="s">
        <v>51</v>
      </c>
    </row>
  </sheetData>
  <autoFilter ref="A2:Y31" xr:uid="{00000000-0009-0000-0000-000000000000}">
    <filterColumn colId="7" showButton="0"/>
    <filterColumn colId="10" showButton="0"/>
    <filterColumn colId="14" showButton="0"/>
    <filterColumn colId="15" showButton="0"/>
  </autoFilter>
  <mergeCells count="5">
    <mergeCell ref="A1:Y1"/>
    <mergeCell ref="O2:Q2"/>
    <mergeCell ref="H2:I2"/>
    <mergeCell ref="K2:L2"/>
    <mergeCell ref="O9:Q9"/>
  </mergeCells>
  <phoneticPr fontId="4"/>
  <pageMargins left="0.7" right="0.7" top="0.75" bottom="0.75" header="0.3" footer="0.3"/>
  <pageSetup paperSize="8" scale="74" fitToHeight="0" orientation="landscape" r:id="rId1"/>
  <extLst>
    <ext xmlns:x14="http://schemas.microsoft.com/office/spreadsheetml/2009/9/main" uri="{CCE6A557-97BC-4b89-ADB6-D9C93CAAB3DF}">
      <x14:dataValidations xmlns:xm="http://schemas.microsoft.com/office/excel/2006/main" count="19">
        <x14:dataValidation type="list" allowBlank="1" showInputMessage="1" showErrorMessage="1" xr:uid="{00000000-0002-0000-0000-000000000000}">
          <x14:formula1>
            <xm:f>'\\10.224.247.10\職員課\人事係\人事係\3100_インターンシップ\都庁インターンシップ\R05年度\04 各部から\09障害\[【障害部】03_都庁インターンシップ2023実習部署調査票.xlsx]コード'!#REF!</xm:f>
          </x14:formula1>
          <xm:sqref>B10:C17 E10:E17 V10:X17</xm:sqref>
        </x14:dataValidation>
        <x14:dataValidation type="list" allowBlank="1" showInputMessage="1" showErrorMessage="1" xr:uid="{00000000-0002-0000-0000-000001000000}">
          <x14:formula1>
            <xm:f>'Z:\03-1 リクルート業務に関すること\03  リクルート活動（Ｒ５）\14    インターンシップ\2    都庁インターンシップ2023\３ 各所回答\[八王子_都庁インターンシップ2023実習部署調査票 .xlsx]コード'!#REF!</xm:f>
          </x14:formula1>
          <xm:sqref>B6:C6 V6:X6 E6</xm:sqref>
        </x14:dataValidation>
        <x14:dataValidation type="list" allowBlank="1" showInputMessage="1" showErrorMessage="1" xr:uid="{00000000-0002-0000-0000-000002000000}">
          <x14:formula1>
            <xm:f>[少子_都庁インターンシップ2023実習部署調査票_.xlsx]コード!#REF!</xm:f>
          </x14:formula1>
          <xm:sqref>B4:C5 V4:X5 E4:E5</xm:sqref>
        </x14:dataValidation>
        <x14:dataValidation type="list" allowBlank="1" showInputMessage="1" showErrorMessage="1" xr:uid="{00000000-0002-0000-0000-000003000000}">
          <x14:formula1>
            <xm:f>'\\10.224.247.10\職員課\人事係\人事係\3100_インターンシップ\都庁インターンシップ\R05年度\04 各部から\05保政\[【050418回答】都庁インターンシップ2023実習部署調査票（保健指導調整担当） .xlsx]コード'!#REF!</xm:f>
          </x14:formula1>
          <xm:sqref>B3:C3 V3:X3 E3</xm:sqref>
        </x14:dataValidation>
        <x14:dataValidation type="list" allowBlank="1" showInputMessage="1" showErrorMessage="1" xr:uid="{00000000-0002-0000-0000-000004000000}">
          <x14:formula1>
            <xm:f>'\\10.226.120.3\計画課\人事関係\01　人事担当関係\10　採用\05　ⅠB・ⅠA・キャリア活用（人事委員会採用）\11　実習生（インターンシップ）受入関係\都庁インターンシップ\R5年度\03　（受入調査）各所回答\[03_都庁インターンシップ2023実習部署調査票(萩山) .xlsx]コード'!#REF!</xm:f>
          </x14:formula1>
          <xm:sqref>B9:C9 E9</xm:sqref>
        </x14:dataValidation>
        <x14:dataValidation type="list" allowBlank="1" showInputMessage="1" showErrorMessage="1" xr:uid="{00000000-0002-0000-0000-000005000000}">
          <x14:formula1>
            <xm:f>'Z:\03-1 リクルート業務に関すること\03  リクルート活動（Ｒ５）\14    インターンシップ\2    都庁インターンシップ2023\３ 各所回答\[【足立保護】03_都庁インターンシップ2023実習部署調査票 .xlsx]コード'!#REF!</xm:f>
          </x14:formula1>
          <xm:sqref>B7:C7 V7:X7 E7</xm:sqref>
        </x14:dataValidation>
        <x14:dataValidation type="list" allowBlank="1" showInputMessage="1" showErrorMessage="1" xr:uid="{00000000-0002-0000-0000-000006000000}">
          <x14:formula1>
            <xm:f>'\\10.226.129.11\健康安全部\共有２\2300_採用関係\2304_インターンシップ\R5インターンシップ\01 受入職場の設定(〆切4月19日)\R50419 各課等から\健研から(研究職)\[03_都庁インターンシップ2023実習部署調査票（食品化学部記入）_.xlsx]コード'!#REF!</xm:f>
          </x14:formula1>
          <xm:sqref>B19:C19 E19 V19:X19</xm:sqref>
        </x14:dataValidation>
        <x14:dataValidation type="list" allowBlank="1" showInputMessage="1" showErrorMessage="1" xr:uid="{00000000-0002-0000-0000-000007000000}">
          <x14:formula1>
            <xm:f>'C:\Users\T0532474\AppData\Local\Microsoft\Windows\INetCache\Content.Outlook\A0XL7G6W\[02_【05 農林水産部】都庁インターンシップ2023実習部署調査票(水産課・島しょセ).xlsx]コード'!#REF!</xm:f>
          </x14:formula1>
          <xm:sqref>E22 V22:X22</xm:sqref>
        </x14:dataValidation>
        <x14:dataValidation type="list" allowBlank="1" showInputMessage="1" showErrorMessage="1" xr:uid="{00000000-0002-0000-0000-000008000000}">
          <x14:formula1>
            <xm:f>'[02_【05 農林水産部】都庁インターンシップ2023実習部署調査票.xlsx]コード'!#REF!</xm:f>
          </x14:formula1>
          <xm:sqref>E20:E21 V20:X21</xm:sqref>
        </x14:dataValidation>
        <x14:dataValidation type="list" allowBlank="1" showInputMessage="1" showErrorMessage="1" xr:uid="{00000000-0002-0000-0000-000009000000}">
          <x14:formula1>
            <xm:f>'\\10.224.251.10\b-40 採用班\■採用事務\インターンシップ制度\★R05実施★\02_実習部署調査\08_各局から校正OK\21_教育庁○\[【教育庁】（校正確認用）【集約】都庁インターンシップ2023実習部署調査票 .xlsx]コード'!#REF!</xm:f>
          </x14:formula1>
          <xm:sqref>V29:X29</xm:sqref>
        </x14:dataValidation>
        <x14:dataValidation type="list" allowBlank="1" showInputMessage="1" showErrorMessage="1" xr:uid="{00000000-0002-0000-0000-00000A000000}">
          <x14:formula1>
            <xm:f>'[04_都庁インターンシップ2023実習部署調査票_ (002).xlsx]コード'!#REF!</xm:f>
          </x14:formula1>
          <xm:sqref>E28:E29 V28:X28 B28:C29</xm:sqref>
        </x14:dataValidation>
        <x14:dataValidation type="list" allowBlank="1" showInputMessage="1" showErrorMessage="1" xr:uid="{00000000-0002-0000-0000-00000B000000}">
          <x14:formula1>
            <xm:f>'\\10.224.202.21\人事係\Ｒ５年度\10_採用\02都庁インターンシップ\04各部より\[（多摩環境事務所）【環境局記入用】都庁インターンシップ2023実習部署調査票_.xlsx]コード'!#REF!</xm:f>
          </x14:formula1>
          <xm:sqref>B25:C25 E25 V25:X25</xm:sqref>
        </x14:dataValidation>
        <x14:dataValidation type="list" allowBlank="1" showInputMessage="1" showErrorMessage="1" xr:uid="{00000000-0002-0000-0000-00000C000000}">
          <x14:formula1>
            <xm:f>'\\10.224.202.21\人事係\Ｒ５年度\10_採用\02都庁インターンシップ\04各部より\[（自然部）【環境局記入用】都庁インターンシップ2023実習部署調査票.xlsx]コード'!#REF!</xm:f>
          </x14:formula1>
          <xm:sqref>B23:C23 E23 V23:X23</xm:sqref>
        </x14:dataValidation>
        <x14:dataValidation type="list" allowBlank="1" showInputMessage="1" showErrorMessage="1" xr:uid="{00000000-0002-0000-0000-00000D000000}">
          <x14:formula1>
            <xm:f>'\\10.224.202.21\人事係\Ｒ５年度\10_採用\02都庁インターンシップ\04各部より\[03.xlsx]コード'!#REF!</xm:f>
          </x14:formula1>
          <xm:sqref>B24:C24 E24 V24:X24</xm:sqref>
        </x14:dataValidation>
        <x14:dataValidation type="list" allowBlank="1" showInputMessage="1" showErrorMessage="1" xr:uid="{00000000-0002-0000-0000-00000E000000}">
          <x14:formula1>
            <xm:f>'\\gesui.local\fs\20施設管理部\2011管理課\01庶務係\令和5年度\05_人事担当（機密A）\17_インターンシップ\01_受入可能職場の調査\04_回答\[03-1_【第１ターム】都庁インターンシップ2023実習部署調査票.xlsx]コード'!#REF!</xm:f>
          </x14:formula1>
          <xm:sqref>E27 B27:C27</xm:sqref>
        </x14:dataValidation>
        <x14:dataValidation type="list" allowBlank="1" showInputMessage="1" showErrorMessage="1" xr:uid="{00000000-0002-0000-0000-00000F000000}">
          <x14:formula1>
            <xm:f>'\\gesui.local\fs\20施設管理部\2011管理課\01庶務係\令和5年度\05_人事担当（機密A）\17_インターンシップ\01_受入可能職場の調査\03_各課回答\[（管路管理課）03-1_【第１ターム】都庁インターンシップ2023実習部署調査票.xlsx]コード'!#REF!</xm:f>
          </x14:formula1>
          <xm:sqref>V27:X27</xm:sqref>
        </x14:dataValidation>
        <x14:dataValidation type="list" allowBlank="1" showInputMessage="1" showErrorMessage="1" xr:uid="{00000000-0002-0000-0000-000010000000}">
          <x14:formula1>
            <xm:f>'\\10.224.251.10\b-40 採用班\■採用事務\インターンシップ制度\★R05実施★\02_実習部署調査\08_各局から校正OK\19_水道局●\[（校正確認用）【水道局】04_都庁インターンシップ2023実習部署調査票.xlsx]コード'!#REF!</xm:f>
          </x14:formula1>
          <xm:sqref>B26:C26 E26 V26:X26</xm:sqref>
        </x14:dataValidation>
        <x14:dataValidation type="list" allowBlank="1" showInputMessage="1" showErrorMessage="1" xr:uid="{00000000-0002-0000-0000-000011000000}">
          <x14:formula1>
            <xm:f>'\\10.224.251.10\b-40 採用班\■採用事務\インターンシップ制度\★R05実施★\02_実習部署調査\08_各局から校正OK\13_産労局●\[産労修正（校正確認用）（産労）都庁インターンシップ2023実習部署調査票 .xlsx]コード'!#REF!</xm:f>
          </x14:formula1>
          <xm:sqref>B20:B22</xm:sqref>
        </x14:dataValidation>
        <x14:dataValidation type="list" allowBlank="1" showInputMessage="1" showErrorMessage="1" xr:uid="{00000000-0002-0000-0000-000012000000}">
          <x14:formula1>
            <xm:f>'\\doc211.bsv.sanro.tocho.local\12501総務部職員課人事担当\05_採用・選考\インターンシップ各種\都庁インターンシップ\令和５年度\01 令和５年度都庁インターンシップ受入職場の設定等について（R5.4.6）\02 各部へ\[02_【01 商工部】都庁インターンシップ2023実習部署調査票 .xlsx]コード'!#REF!</xm:f>
          </x14:formula1>
          <xm:sqref>C20:C22</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専門職 第2ターム</vt:lpstr>
      <vt:lpstr>'専門職 第2ターム'!Print_Area</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水嶋 麻貴</cp:lastModifiedBy>
  <cp:lastPrinted>2023-05-12T09:25:00Z</cp:lastPrinted>
  <dcterms:created xsi:type="dcterms:W3CDTF">2019-04-19T06:42:41Z</dcterms:created>
  <dcterms:modified xsi:type="dcterms:W3CDTF">2023-05-15T07:16:38Z</dcterms:modified>
</cp:coreProperties>
</file>